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23"/>
  </p:sldMasterIdLst>
  <p:notesMasterIdLst>
    <p:notesMasterId r:id="rId33"/>
  </p:notesMasterIdLst>
  <p:sldIdLst>
    <p:sldId id="256" r:id="rId24"/>
    <p:sldId id="257" r:id="rId25"/>
    <p:sldId id="275" r:id="rId26"/>
    <p:sldId id="276" r:id="rId27"/>
    <p:sldId id="278" r:id="rId28"/>
    <p:sldId id="282" r:id="rId29"/>
    <p:sldId id="281" r:id="rId30"/>
    <p:sldId id="277" r:id="rId31"/>
    <p:sldId id="280" r:id="rId3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CA9A8D8-B236-4969-B02B-542396DB9C1E}" v="3" dt="2025-03-19T22:13:21.86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026" autoAdjust="0"/>
    <p:restoredTop sz="94662" autoAdjust="0"/>
  </p:normalViewPr>
  <p:slideViewPr>
    <p:cSldViewPr snapToGrid="0" showGuides="1">
      <p:cViewPr varScale="1">
        <p:scale>
          <a:sx n="59" d="100"/>
          <a:sy n="59" d="100"/>
        </p:scale>
        <p:origin x="928" y="60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3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2.xml"/><Relationship Id="rId33" Type="http://schemas.openxmlformats.org/officeDocument/2006/relationships/notesMaster" Target="notesMasters/notesMaster1.xml"/><Relationship Id="rId38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.xml"/><Relationship Id="rId32" Type="http://schemas.openxmlformats.org/officeDocument/2006/relationships/slide" Target="slides/slide9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5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4.xml"/><Relationship Id="rId30" Type="http://schemas.openxmlformats.org/officeDocument/2006/relationships/slide" Target="slides/slide7.xml"/><Relationship Id="rId35" Type="http://schemas.openxmlformats.org/officeDocument/2006/relationships/viewProps" Target="view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2DB72F7D-473E-4B79-AC35-D6C4A31E55FF}" type="doc">
      <dgm:prSet loTypeId="urn:microsoft.com/office/officeart/2005/8/layout/hierarchy2" loCatId="hierarchy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8966FF94-C4F8-47C5-BE9F-D2CACEA0A935}">
      <dgm:prSet phldrT="[Tekst]" custT="1"/>
      <dgm:spPr>
        <a:solidFill>
          <a:schemeClr val="tx1"/>
        </a:solidFill>
      </dgm:spPr>
      <dgm:t>
        <a:bodyPr/>
        <a:lstStyle/>
        <a:p>
          <a:r>
            <a:rPr lang="da-DK" sz="1800" dirty="0"/>
            <a:t>SDU Uddannelse</a:t>
          </a:r>
        </a:p>
      </dgm:t>
    </dgm:pt>
    <dgm:pt modelId="{19557FEE-A57C-4BC8-99B5-93CD4AB88CC3}" type="parTrans" cxnId="{D9218A04-D614-4620-A194-43B174EFC983}">
      <dgm:prSet/>
      <dgm:spPr/>
      <dgm:t>
        <a:bodyPr/>
        <a:lstStyle/>
        <a:p>
          <a:endParaRPr lang="da-DK"/>
        </a:p>
      </dgm:t>
    </dgm:pt>
    <dgm:pt modelId="{970E8EB7-3529-4A97-ABEC-14DB77A171A5}" type="sibTrans" cxnId="{D9218A04-D614-4620-A194-43B174EFC983}">
      <dgm:prSet/>
      <dgm:spPr/>
      <dgm:t>
        <a:bodyPr/>
        <a:lstStyle/>
        <a:p>
          <a:endParaRPr lang="da-DK"/>
        </a:p>
      </dgm:t>
    </dgm:pt>
    <dgm:pt modelId="{8AF051AD-2C89-4DE4-8718-9326DA570A03}">
      <dgm:prSet phldrT="[Tekst]" custT="1"/>
      <dgm:spPr>
        <a:solidFill>
          <a:schemeClr val="tx1"/>
        </a:solidFill>
      </dgm:spPr>
      <dgm:t>
        <a:bodyPr/>
        <a:lstStyle/>
        <a:p>
          <a:r>
            <a:rPr lang="da-DK" sz="1800" dirty="0"/>
            <a:t>Studenter-service</a:t>
          </a:r>
        </a:p>
      </dgm:t>
    </dgm:pt>
    <dgm:pt modelId="{FEF3998F-CDCD-4866-9B15-7C8F5FA0DE26}" type="parTrans" cxnId="{F121F411-33C0-48C9-BE5E-F6FFAF5B6EAA}">
      <dgm:prSet/>
      <dgm:spPr/>
      <dgm:t>
        <a:bodyPr/>
        <a:lstStyle/>
        <a:p>
          <a:endParaRPr lang="da-DK"/>
        </a:p>
      </dgm:t>
    </dgm:pt>
    <dgm:pt modelId="{62DDF891-78F5-49CD-96C2-1ABF9065C142}" type="sibTrans" cxnId="{F121F411-33C0-48C9-BE5E-F6FFAF5B6EAA}">
      <dgm:prSet/>
      <dgm:spPr/>
      <dgm:t>
        <a:bodyPr/>
        <a:lstStyle/>
        <a:p>
          <a:endParaRPr lang="da-DK"/>
        </a:p>
      </dgm:t>
    </dgm:pt>
    <dgm:pt modelId="{AC1E71C7-6069-409C-A7A5-DA09C84B1569}">
      <dgm:prSet phldrT="[Tekst]" custT="1"/>
      <dgm:spPr>
        <a:solidFill>
          <a:schemeClr val="tx1"/>
        </a:solidFill>
      </dgm:spPr>
      <dgm:t>
        <a:bodyPr/>
        <a:lstStyle/>
        <a:p>
          <a:r>
            <a:rPr lang="da-DK" sz="1800" dirty="0"/>
            <a:t>SU &amp; SPS</a:t>
          </a:r>
        </a:p>
      </dgm:t>
    </dgm:pt>
    <dgm:pt modelId="{8BB385E0-AAEA-4469-AD10-1871D38330CE}" type="parTrans" cxnId="{780CE0CB-8EA6-4E6C-BA36-A75D7FAC8127}">
      <dgm:prSet/>
      <dgm:spPr/>
      <dgm:t>
        <a:bodyPr/>
        <a:lstStyle/>
        <a:p>
          <a:endParaRPr lang="da-DK"/>
        </a:p>
      </dgm:t>
    </dgm:pt>
    <dgm:pt modelId="{F59C3171-9747-44D4-9816-C79F64042274}" type="sibTrans" cxnId="{780CE0CB-8EA6-4E6C-BA36-A75D7FAC8127}">
      <dgm:prSet/>
      <dgm:spPr/>
      <dgm:t>
        <a:bodyPr/>
        <a:lstStyle/>
        <a:p>
          <a:endParaRPr lang="da-DK"/>
        </a:p>
      </dgm:t>
    </dgm:pt>
    <dgm:pt modelId="{E0D9FEFC-717E-4F36-90A2-AEB162731079}">
      <dgm:prSet phldrT="[Tekst]" custT="1"/>
      <dgm:spPr>
        <a:solidFill>
          <a:schemeClr val="tx1"/>
        </a:solidFill>
      </dgm:spPr>
      <dgm:t>
        <a:bodyPr/>
        <a:lstStyle/>
        <a:p>
          <a:r>
            <a:rPr lang="da-DK" sz="1800" dirty="0"/>
            <a:t>International Office</a:t>
          </a:r>
        </a:p>
      </dgm:t>
    </dgm:pt>
    <dgm:pt modelId="{02E04DC9-9D89-4CBE-B587-CBF46B642946}" type="parTrans" cxnId="{190F9FF6-0736-4191-B174-E0C7321B0002}">
      <dgm:prSet/>
      <dgm:spPr/>
      <dgm:t>
        <a:bodyPr/>
        <a:lstStyle/>
        <a:p>
          <a:endParaRPr lang="da-DK"/>
        </a:p>
      </dgm:t>
    </dgm:pt>
    <dgm:pt modelId="{96217390-592A-455F-9845-3544FBADA79E}" type="sibTrans" cxnId="{190F9FF6-0736-4191-B174-E0C7321B0002}">
      <dgm:prSet/>
      <dgm:spPr/>
      <dgm:t>
        <a:bodyPr/>
        <a:lstStyle/>
        <a:p>
          <a:endParaRPr lang="da-DK"/>
        </a:p>
      </dgm:t>
    </dgm:pt>
    <dgm:pt modelId="{CE87A848-3B9C-4597-98A0-5E1610C2687D}">
      <dgm:prSet phldrT="[Tekst]" custT="1"/>
      <dgm:spPr>
        <a:solidFill>
          <a:schemeClr val="tx1"/>
        </a:solidFill>
      </dgm:spPr>
      <dgm:t>
        <a:bodyPr/>
        <a:lstStyle/>
        <a:p>
          <a:r>
            <a:rPr lang="da-DK" sz="1800" dirty="0"/>
            <a:t>Studieliv</a:t>
          </a:r>
        </a:p>
      </dgm:t>
    </dgm:pt>
    <dgm:pt modelId="{799E13E9-FBA7-4C5B-9CB3-64D087844F7C}" type="parTrans" cxnId="{635D9039-8365-4BD8-A6E5-CCE4FE01BF6F}">
      <dgm:prSet/>
      <dgm:spPr/>
      <dgm:t>
        <a:bodyPr/>
        <a:lstStyle/>
        <a:p>
          <a:endParaRPr lang="da-DK"/>
        </a:p>
      </dgm:t>
    </dgm:pt>
    <dgm:pt modelId="{EC494266-99D3-4CCE-A89C-ABE5959931F2}" type="sibTrans" cxnId="{635D9039-8365-4BD8-A6E5-CCE4FE01BF6F}">
      <dgm:prSet/>
      <dgm:spPr/>
      <dgm:t>
        <a:bodyPr/>
        <a:lstStyle/>
        <a:p>
          <a:endParaRPr lang="da-DK"/>
        </a:p>
      </dgm:t>
    </dgm:pt>
    <dgm:pt modelId="{0FFC9E40-8CBB-4B30-B874-E10484C1E771}">
      <dgm:prSet phldrT="[Tekst]" custT="1"/>
      <dgm:spPr>
        <a:solidFill>
          <a:schemeClr val="tx1"/>
        </a:solidFill>
      </dgm:spPr>
      <dgm:t>
        <a:bodyPr/>
        <a:lstStyle/>
        <a:p>
          <a:pPr algn="ctr"/>
          <a:r>
            <a:rPr lang="da-DK" sz="1800" dirty="0"/>
            <a:t>Studie &amp; Trivselsvejledningen samt Elite</a:t>
          </a:r>
        </a:p>
      </dgm:t>
    </dgm:pt>
    <dgm:pt modelId="{BFB35D04-4A2C-407C-87D1-CF5BEF6E4C74}" type="parTrans" cxnId="{56EC535A-FAC5-4312-A23D-9E91B35D5986}">
      <dgm:prSet/>
      <dgm:spPr/>
      <dgm:t>
        <a:bodyPr/>
        <a:lstStyle/>
        <a:p>
          <a:endParaRPr lang="da-DK"/>
        </a:p>
      </dgm:t>
    </dgm:pt>
    <dgm:pt modelId="{0196DBF4-5AD0-48A1-A6C5-643A32F6611F}" type="sibTrans" cxnId="{56EC535A-FAC5-4312-A23D-9E91B35D5986}">
      <dgm:prSet/>
      <dgm:spPr/>
      <dgm:t>
        <a:bodyPr/>
        <a:lstStyle/>
        <a:p>
          <a:endParaRPr lang="da-DK"/>
        </a:p>
      </dgm:t>
    </dgm:pt>
    <dgm:pt modelId="{2345CD75-8439-48DB-BC01-79087BFD7AAA}">
      <dgm:prSet phldrT="[Tekst]" custT="1"/>
      <dgm:spPr>
        <a:solidFill>
          <a:schemeClr val="tx1"/>
        </a:solidFill>
      </dgm:spPr>
      <dgm:t>
        <a:bodyPr/>
        <a:lstStyle/>
        <a:p>
          <a:r>
            <a:rPr lang="da-DK" sz="1800" dirty="0"/>
            <a:t>Økonomi (Anne-Dorrit</a:t>
          </a:r>
          <a:r>
            <a:rPr lang="da-DK" sz="1700" dirty="0"/>
            <a:t>)</a:t>
          </a:r>
        </a:p>
      </dgm:t>
    </dgm:pt>
    <dgm:pt modelId="{9E63F553-4470-44A6-B67B-E010B5628916}" type="parTrans" cxnId="{C2D93CFA-7A89-4DE1-8BA0-C839C1B9EF94}">
      <dgm:prSet/>
      <dgm:spPr/>
      <dgm:t>
        <a:bodyPr/>
        <a:lstStyle/>
        <a:p>
          <a:endParaRPr lang="da-DK"/>
        </a:p>
      </dgm:t>
    </dgm:pt>
    <dgm:pt modelId="{4B54EAF7-D1A0-4B48-B956-538D35A3E113}" type="sibTrans" cxnId="{C2D93CFA-7A89-4DE1-8BA0-C839C1B9EF94}">
      <dgm:prSet/>
      <dgm:spPr/>
      <dgm:t>
        <a:bodyPr/>
        <a:lstStyle/>
        <a:p>
          <a:endParaRPr lang="da-DK"/>
        </a:p>
      </dgm:t>
    </dgm:pt>
    <dgm:pt modelId="{42B50798-5FEC-434C-B06A-D9A0A44503C7}">
      <dgm:prSet phldrT="[Tekst]" custT="1"/>
      <dgm:spPr>
        <a:solidFill>
          <a:schemeClr val="tx1">
            <a:lumMod val="65000"/>
            <a:lumOff val="35000"/>
          </a:schemeClr>
        </a:solidFill>
      </dgm:spPr>
      <dgm:t>
        <a:bodyPr/>
        <a:lstStyle/>
        <a:p>
          <a:pPr algn="ctr">
            <a:buNone/>
          </a:pPr>
          <a:r>
            <a:rPr lang="da-DK" sz="1800" dirty="0"/>
            <a:t>Det nye team:</a:t>
          </a:r>
        </a:p>
        <a:p>
          <a:pPr algn="l">
            <a:buFont typeface="Arial" panose="020B0604020202020204" pitchFamily="34" charset="0"/>
            <a:buChar char="•"/>
          </a:pPr>
          <a:r>
            <a:rPr lang="da-DK" sz="1800" dirty="0"/>
            <a:t>Lærke Bergstedt</a:t>
          </a:r>
        </a:p>
        <a:p>
          <a:pPr algn="l">
            <a:buFont typeface="Arial" panose="020B0604020202020204" pitchFamily="34" charset="0"/>
            <a:buChar char="•"/>
          </a:pPr>
          <a:r>
            <a:rPr lang="da-DK" sz="1800" dirty="0"/>
            <a:t>Nanna Rosenberg</a:t>
          </a:r>
        </a:p>
        <a:p>
          <a:pPr algn="l">
            <a:buFont typeface="Arial" panose="020B0604020202020204" pitchFamily="34" charset="0"/>
            <a:buChar char="•"/>
          </a:pPr>
          <a:r>
            <a:rPr lang="da-DK" sz="1800" dirty="0"/>
            <a:t>Karen Buchgraitz</a:t>
          </a:r>
        </a:p>
        <a:p>
          <a:pPr algn="l">
            <a:buFont typeface="Arial" panose="020B0604020202020204" pitchFamily="34" charset="0"/>
            <a:buChar char="•"/>
          </a:pPr>
          <a:r>
            <a:rPr lang="da-DK" sz="1800" dirty="0"/>
            <a:t>Laura Berglund (Elite) – som support</a:t>
          </a:r>
        </a:p>
        <a:p>
          <a:pPr algn="l">
            <a:buFont typeface="Arial" panose="020B0604020202020204" pitchFamily="34" charset="0"/>
            <a:buChar char="•"/>
          </a:pPr>
          <a:r>
            <a:rPr lang="da-DK" sz="1800" dirty="0"/>
            <a:t>Kristina Westergaard (stud.-medhjælp)</a:t>
          </a:r>
        </a:p>
        <a:p>
          <a:pPr algn="ctr">
            <a:buNone/>
          </a:pPr>
          <a:endParaRPr lang="da-DK" sz="1700" dirty="0"/>
        </a:p>
      </dgm:t>
    </dgm:pt>
    <dgm:pt modelId="{347DA7E7-4B7E-452C-9E7A-630C87F3C28B}" type="parTrans" cxnId="{0BC3EA30-2742-42BB-9522-3471B5B35773}">
      <dgm:prSet/>
      <dgm:spPr/>
      <dgm:t>
        <a:bodyPr/>
        <a:lstStyle/>
        <a:p>
          <a:endParaRPr lang="da-DK"/>
        </a:p>
      </dgm:t>
    </dgm:pt>
    <dgm:pt modelId="{F29E39CA-8A7A-4268-BC1D-E2858D152267}" type="sibTrans" cxnId="{0BC3EA30-2742-42BB-9522-3471B5B35773}">
      <dgm:prSet/>
      <dgm:spPr/>
      <dgm:t>
        <a:bodyPr/>
        <a:lstStyle/>
        <a:p>
          <a:endParaRPr lang="da-DK"/>
        </a:p>
      </dgm:t>
    </dgm:pt>
    <dgm:pt modelId="{3270DA7D-FE51-485A-A02C-17C473194DB1}" type="pres">
      <dgm:prSet presAssocID="{2DB72F7D-473E-4B79-AC35-D6C4A31E55FF}" presName="diagram" presStyleCnt="0">
        <dgm:presLayoutVars>
          <dgm:chPref val="1"/>
          <dgm:dir/>
          <dgm:animOne val="branch"/>
          <dgm:animLvl val="lvl"/>
          <dgm:resizeHandles val="exact"/>
        </dgm:presLayoutVars>
      </dgm:prSet>
      <dgm:spPr/>
    </dgm:pt>
    <dgm:pt modelId="{26BCAC58-2DA1-4716-8AE9-CA0561B61834}" type="pres">
      <dgm:prSet presAssocID="{8966FF94-C4F8-47C5-BE9F-D2CACEA0A935}" presName="root1" presStyleCnt="0"/>
      <dgm:spPr/>
    </dgm:pt>
    <dgm:pt modelId="{80515DCA-033B-4308-9C39-7FC931058B2F}" type="pres">
      <dgm:prSet presAssocID="{8966FF94-C4F8-47C5-BE9F-D2CACEA0A935}" presName="LevelOneTextNode" presStyleLbl="node0" presStyleIdx="0" presStyleCnt="1">
        <dgm:presLayoutVars>
          <dgm:chPref val="3"/>
        </dgm:presLayoutVars>
      </dgm:prSet>
      <dgm:spPr/>
    </dgm:pt>
    <dgm:pt modelId="{986E1393-2579-49F6-8C51-1E2FA2E4DCFD}" type="pres">
      <dgm:prSet presAssocID="{8966FF94-C4F8-47C5-BE9F-D2CACEA0A935}" presName="level2hierChild" presStyleCnt="0"/>
      <dgm:spPr/>
    </dgm:pt>
    <dgm:pt modelId="{79D55558-8DCB-4435-91D5-F03EDFE495DE}" type="pres">
      <dgm:prSet presAssocID="{FEF3998F-CDCD-4866-9B15-7C8F5FA0DE26}" presName="conn2-1" presStyleLbl="parChTrans1D2" presStyleIdx="0" presStyleCnt="1"/>
      <dgm:spPr/>
    </dgm:pt>
    <dgm:pt modelId="{A177A48B-3BCB-4877-98B8-D4038EDCD15B}" type="pres">
      <dgm:prSet presAssocID="{FEF3998F-CDCD-4866-9B15-7C8F5FA0DE26}" presName="connTx" presStyleLbl="parChTrans1D2" presStyleIdx="0" presStyleCnt="1"/>
      <dgm:spPr/>
    </dgm:pt>
    <dgm:pt modelId="{EEC106C0-4C32-4C34-BF71-29F3D9BB3B46}" type="pres">
      <dgm:prSet presAssocID="{8AF051AD-2C89-4DE4-8718-9326DA570A03}" presName="root2" presStyleCnt="0"/>
      <dgm:spPr/>
    </dgm:pt>
    <dgm:pt modelId="{B53631AF-B2A4-4C28-BAE3-919601A4940B}" type="pres">
      <dgm:prSet presAssocID="{8AF051AD-2C89-4DE4-8718-9326DA570A03}" presName="LevelTwoTextNode" presStyleLbl="node2" presStyleIdx="0" presStyleCnt="1" custScaleY="102647">
        <dgm:presLayoutVars>
          <dgm:chPref val="3"/>
        </dgm:presLayoutVars>
      </dgm:prSet>
      <dgm:spPr/>
    </dgm:pt>
    <dgm:pt modelId="{79717CB1-6AE4-4CF3-BA09-BD474B55B3A0}" type="pres">
      <dgm:prSet presAssocID="{8AF051AD-2C89-4DE4-8718-9326DA570A03}" presName="level3hierChild" presStyleCnt="0"/>
      <dgm:spPr/>
    </dgm:pt>
    <dgm:pt modelId="{76614221-3739-460B-8604-84E01891130E}" type="pres">
      <dgm:prSet presAssocID="{8BB385E0-AAEA-4469-AD10-1871D38330CE}" presName="conn2-1" presStyleLbl="parChTrans1D3" presStyleIdx="0" presStyleCnt="3"/>
      <dgm:spPr/>
    </dgm:pt>
    <dgm:pt modelId="{2174A706-2A93-446E-85F1-E9D2BB7D0F04}" type="pres">
      <dgm:prSet presAssocID="{8BB385E0-AAEA-4469-AD10-1871D38330CE}" presName="connTx" presStyleLbl="parChTrans1D3" presStyleIdx="0" presStyleCnt="3"/>
      <dgm:spPr/>
    </dgm:pt>
    <dgm:pt modelId="{5AB10750-9D69-4B0D-8CE9-6B7793A6566E}" type="pres">
      <dgm:prSet presAssocID="{AC1E71C7-6069-409C-A7A5-DA09C84B1569}" presName="root2" presStyleCnt="0"/>
      <dgm:spPr/>
    </dgm:pt>
    <dgm:pt modelId="{F0B123C0-698F-454E-8B9A-5B992A090EF2}" type="pres">
      <dgm:prSet presAssocID="{AC1E71C7-6069-409C-A7A5-DA09C84B1569}" presName="LevelTwoTextNode" presStyleLbl="node3" presStyleIdx="0" presStyleCnt="3">
        <dgm:presLayoutVars>
          <dgm:chPref val="3"/>
        </dgm:presLayoutVars>
      </dgm:prSet>
      <dgm:spPr/>
    </dgm:pt>
    <dgm:pt modelId="{757E5DFC-0EB7-492C-8C2D-6B76CFA4DF96}" type="pres">
      <dgm:prSet presAssocID="{AC1E71C7-6069-409C-A7A5-DA09C84B1569}" presName="level3hierChild" presStyleCnt="0"/>
      <dgm:spPr/>
    </dgm:pt>
    <dgm:pt modelId="{DA39688B-4D8F-4AAF-BC6D-1703A8262412}" type="pres">
      <dgm:prSet presAssocID="{02E04DC9-9D89-4CBE-B587-CBF46B642946}" presName="conn2-1" presStyleLbl="parChTrans1D3" presStyleIdx="1" presStyleCnt="3"/>
      <dgm:spPr/>
    </dgm:pt>
    <dgm:pt modelId="{C0A414C3-2EFE-4459-96EB-E814ED68C3E9}" type="pres">
      <dgm:prSet presAssocID="{02E04DC9-9D89-4CBE-B587-CBF46B642946}" presName="connTx" presStyleLbl="parChTrans1D3" presStyleIdx="1" presStyleCnt="3"/>
      <dgm:spPr/>
    </dgm:pt>
    <dgm:pt modelId="{93EFA7CD-20B3-47AB-B75B-3FB83E69CC3C}" type="pres">
      <dgm:prSet presAssocID="{E0D9FEFC-717E-4F36-90A2-AEB162731079}" presName="root2" presStyleCnt="0"/>
      <dgm:spPr/>
    </dgm:pt>
    <dgm:pt modelId="{87DBB348-4999-4F42-AC3C-FD9B7789B676}" type="pres">
      <dgm:prSet presAssocID="{E0D9FEFC-717E-4F36-90A2-AEB162731079}" presName="LevelTwoTextNode" presStyleLbl="node3" presStyleIdx="1" presStyleCnt="3">
        <dgm:presLayoutVars>
          <dgm:chPref val="3"/>
        </dgm:presLayoutVars>
      </dgm:prSet>
      <dgm:spPr/>
    </dgm:pt>
    <dgm:pt modelId="{80F04B23-7A25-4335-9373-D607334635C0}" type="pres">
      <dgm:prSet presAssocID="{E0D9FEFC-717E-4F36-90A2-AEB162731079}" presName="level3hierChild" presStyleCnt="0"/>
      <dgm:spPr/>
    </dgm:pt>
    <dgm:pt modelId="{31778DB1-5B5B-409F-AFB6-A6B72A91368B}" type="pres">
      <dgm:prSet presAssocID="{799E13E9-FBA7-4C5B-9CB3-64D087844F7C}" presName="conn2-1" presStyleLbl="parChTrans1D3" presStyleIdx="2" presStyleCnt="3"/>
      <dgm:spPr/>
    </dgm:pt>
    <dgm:pt modelId="{1B116AA8-60E8-4651-A5AC-0189D109979D}" type="pres">
      <dgm:prSet presAssocID="{799E13E9-FBA7-4C5B-9CB3-64D087844F7C}" presName="connTx" presStyleLbl="parChTrans1D3" presStyleIdx="2" presStyleCnt="3"/>
      <dgm:spPr/>
    </dgm:pt>
    <dgm:pt modelId="{BCEF8F73-1F09-480F-B1C1-CDAE83C7432C}" type="pres">
      <dgm:prSet presAssocID="{CE87A848-3B9C-4597-98A0-5E1610C2687D}" presName="root2" presStyleCnt="0"/>
      <dgm:spPr/>
    </dgm:pt>
    <dgm:pt modelId="{70A0FA79-7F04-4EA8-9CD4-52144B9A7457}" type="pres">
      <dgm:prSet presAssocID="{CE87A848-3B9C-4597-98A0-5E1610C2687D}" presName="LevelTwoTextNode" presStyleLbl="node3" presStyleIdx="2" presStyleCnt="3">
        <dgm:presLayoutVars>
          <dgm:chPref val="3"/>
        </dgm:presLayoutVars>
      </dgm:prSet>
      <dgm:spPr/>
    </dgm:pt>
    <dgm:pt modelId="{B52338B1-AAC7-45B1-9484-78C3D7FB8182}" type="pres">
      <dgm:prSet presAssocID="{CE87A848-3B9C-4597-98A0-5E1610C2687D}" presName="level3hierChild" presStyleCnt="0"/>
      <dgm:spPr/>
    </dgm:pt>
    <dgm:pt modelId="{15919ED9-DCF2-4172-81FE-F305B91A519B}" type="pres">
      <dgm:prSet presAssocID="{BFB35D04-4A2C-407C-87D1-CF5BEF6E4C74}" presName="conn2-1" presStyleLbl="parChTrans1D4" presStyleIdx="0" presStyleCnt="3"/>
      <dgm:spPr/>
    </dgm:pt>
    <dgm:pt modelId="{E8266AF9-45BE-4249-9455-BD030D6514F5}" type="pres">
      <dgm:prSet presAssocID="{BFB35D04-4A2C-407C-87D1-CF5BEF6E4C74}" presName="connTx" presStyleLbl="parChTrans1D4" presStyleIdx="0" presStyleCnt="3"/>
      <dgm:spPr/>
    </dgm:pt>
    <dgm:pt modelId="{EA923BD5-1E19-45B6-9673-74DD67BCD2C9}" type="pres">
      <dgm:prSet presAssocID="{0FFC9E40-8CBB-4B30-B874-E10484C1E771}" presName="root2" presStyleCnt="0"/>
      <dgm:spPr/>
    </dgm:pt>
    <dgm:pt modelId="{AA2E9989-3C27-4B98-9383-390C42A29645}" type="pres">
      <dgm:prSet presAssocID="{0FFC9E40-8CBB-4B30-B874-E10484C1E771}" presName="LevelTwoTextNode" presStyleLbl="node4" presStyleIdx="0" presStyleCnt="3" custScaleX="118093">
        <dgm:presLayoutVars>
          <dgm:chPref val="3"/>
        </dgm:presLayoutVars>
      </dgm:prSet>
      <dgm:spPr/>
    </dgm:pt>
    <dgm:pt modelId="{DA4C34C1-BC0C-43AF-9719-D1B801C2842B}" type="pres">
      <dgm:prSet presAssocID="{0FFC9E40-8CBB-4B30-B874-E10484C1E771}" presName="level3hierChild" presStyleCnt="0"/>
      <dgm:spPr/>
    </dgm:pt>
    <dgm:pt modelId="{D32833BF-FEC1-404F-B54A-84A23E2F371E}" type="pres">
      <dgm:prSet presAssocID="{9E63F553-4470-44A6-B67B-E010B5628916}" presName="conn2-1" presStyleLbl="parChTrans1D4" presStyleIdx="1" presStyleCnt="3"/>
      <dgm:spPr/>
    </dgm:pt>
    <dgm:pt modelId="{E1A71EC7-DF36-4171-A95F-219855A78628}" type="pres">
      <dgm:prSet presAssocID="{9E63F553-4470-44A6-B67B-E010B5628916}" presName="connTx" presStyleLbl="parChTrans1D4" presStyleIdx="1" presStyleCnt="3"/>
      <dgm:spPr/>
    </dgm:pt>
    <dgm:pt modelId="{9C3F6661-5723-4383-B118-7771DE926B8B}" type="pres">
      <dgm:prSet presAssocID="{2345CD75-8439-48DB-BC01-79087BFD7AAA}" presName="root2" presStyleCnt="0"/>
      <dgm:spPr/>
    </dgm:pt>
    <dgm:pt modelId="{441919B8-5F0A-4296-84B7-88919993FA2F}" type="pres">
      <dgm:prSet presAssocID="{2345CD75-8439-48DB-BC01-79087BFD7AAA}" presName="LevelTwoTextNode" presStyleLbl="node4" presStyleIdx="1" presStyleCnt="3" custScaleX="118377">
        <dgm:presLayoutVars>
          <dgm:chPref val="3"/>
        </dgm:presLayoutVars>
      </dgm:prSet>
      <dgm:spPr/>
    </dgm:pt>
    <dgm:pt modelId="{66593AED-A359-4771-96ED-AD897C76FFF2}" type="pres">
      <dgm:prSet presAssocID="{2345CD75-8439-48DB-BC01-79087BFD7AAA}" presName="level3hierChild" presStyleCnt="0"/>
      <dgm:spPr/>
    </dgm:pt>
    <dgm:pt modelId="{C46AC523-C698-425E-9ED6-C47C93BBEB08}" type="pres">
      <dgm:prSet presAssocID="{347DA7E7-4B7E-452C-9E7A-630C87F3C28B}" presName="conn2-1" presStyleLbl="parChTrans1D4" presStyleIdx="2" presStyleCnt="3"/>
      <dgm:spPr/>
    </dgm:pt>
    <dgm:pt modelId="{93C356D7-770D-43B2-A980-5B4462AC366E}" type="pres">
      <dgm:prSet presAssocID="{347DA7E7-4B7E-452C-9E7A-630C87F3C28B}" presName="connTx" presStyleLbl="parChTrans1D4" presStyleIdx="2" presStyleCnt="3"/>
      <dgm:spPr/>
    </dgm:pt>
    <dgm:pt modelId="{505F104A-64B3-43B8-B884-46C8EDFA02E6}" type="pres">
      <dgm:prSet presAssocID="{42B50798-5FEC-434C-B06A-D9A0A44503C7}" presName="root2" presStyleCnt="0"/>
      <dgm:spPr/>
    </dgm:pt>
    <dgm:pt modelId="{0CCA7EFE-5922-4BFF-8B09-021220FDAFC7}" type="pres">
      <dgm:prSet presAssocID="{42B50798-5FEC-434C-B06A-D9A0A44503C7}" presName="LevelTwoTextNode" presStyleLbl="node4" presStyleIdx="2" presStyleCnt="3" custScaleX="118921" custScaleY="304456">
        <dgm:presLayoutVars>
          <dgm:chPref val="3"/>
        </dgm:presLayoutVars>
      </dgm:prSet>
      <dgm:spPr/>
    </dgm:pt>
    <dgm:pt modelId="{3BF12D92-0FB4-44B3-9353-7DE588BDAF72}" type="pres">
      <dgm:prSet presAssocID="{42B50798-5FEC-434C-B06A-D9A0A44503C7}" presName="level3hierChild" presStyleCnt="0"/>
      <dgm:spPr/>
    </dgm:pt>
  </dgm:ptLst>
  <dgm:cxnLst>
    <dgm:cxn modelId="{10F82000-341A-486A-A7A8-BC51CA5EF2E7}" type="presOf" srcId="{FEF3998F-CDCD-4866-9B15-7C8F5FA0DE26}" destId="{A177A48B-3BCB-4877-98B8-D4038EDCD15B}" srcOrd="1" destOrd="0" presId="urn:microsoft.com/office/officeart/2005/8/layout/hierarchy2"/>
    <dgm:cxn modelId="{D9218A04-D614-4620-A194-43B174EFC983}" srcId="{2DB72F7D-473E-4B79-AC35-D6C4A31E55FF}" destId="{8966FF94-C4F8-47C5-BE9F-D2CACEA0A935}" srcOrd="0" destOrd="0" parTransId="{19557FEE-A57C-4BC8-99B5-93CD4AB88CC3}" sibTransId="{970E8EB7-3529-4A97-ABEC-14DB77A171A5}"/>
    <dgm:cxn modelId="{14713507-64DD-49CF-B088-1EF43A897300}" type="presOf" srcId="{2345CD75-8439-48DB-BC01-79087BFD7AAA}" destId="{441919B8-5F0A-4296-84B7-88919993FA2F}" srcOrd="0" destOrd="0" presId="urn:microsoft.com/office/officeart/2005/8/layout/hierarchy2"/>
    <dgm:cxn modelId="{F121F411-33C0-48C9-BE5E-F6FFAF5B6EAA}" srcId="{8966FF94-C4F8-47C5-BE9F-D2CACEA0A935}" destId="{8AF051AD-2C89-4DE4-8718-9326DA570A03}" srcOrd="0" destOrd="0" parTransId="{FEF3998F-CDCD-4866-9B15-7C8F5FA0DE26}" sibTransId="{62DDF891-78F5-49CD-96C2-1ABF9065C142}"/>
    <dgm:cxn modelId="{BB7EA912-138F-4100-9925-553475D7CB00}" type="presOf" srcId="{E0D9FEFC-717E-4F36-90A2-AEB162731079}" destId="{87DBB348-4999-4F42-AC3C-FD9B7789B676}" srcOrd="0" destOrd="0" presId="urn:microsoft.com/office/officeart/2005/8/layout/hierarchy2"/>
    <dgm:cxn modelId="{75308915-AAD7-4A6D-92F3-39AE04B8422C}" type="presOf" srcId="{9E63F553-4470-44A6-B67B-E010B5628916}" destId="{D32833BF-FEC1-404F-B54A-84A23E2F371E}" srcOrd="0" destOrd="0" presId="urn:microsoft.com/office/officeart/2005/8/layout/hierarchy2"/>
    <dgm:cxn modelId="{0BC3EA30-2742-42BB-9522-3471B5B35773}" srcId="{CE87A848-3B9C-4597-98A0-5E1610C2687D}" destId="{42B50798-5FEC-434C-B06A-D9A0A44503C7}" srcOrd="2" destOrd="0" parTransId="{347DA7E7-4B7E-452C-9E7A-630C87F3C28B}" sibTransId="{F29E39CA-8A7A-4268-BC1D-E2858D152267}"/>
    <dgm:cxn modelId="{8676DF37-3260-409E-9C6F-0620FB048FBE}" type="presOf" srcId="{BFB35D04-4A2C-407C-87D1-CF5BEF6E4C74}" destId="{E8266AF9-45BE-4249-9455-BD030D6514F5}" srcOrd="1" destOrd="0" presId="urn:microsoft.com/office/officeart/2005/8/layout/hierarchy2"/>
    <dgm:cxn modelId="{635D9039-8365-4BD8-A6E5-CCE4FE01BF6F}" srcId="{8AF051AD-2C89-4DE4-8718-9326DA570A03}" destId="{CE87A848-3B9C-4597-98A0-5E1610C2687D}" srcOrd="2" destOrd="0" parTransId="{799E13E9-FBA7-4C5B-9CB3-64D087844F7C}" sibTransId="{EC494266-99D3-4CCE-A89C-ABE5959931F2}"/>
    <dgm:cxn modelId="{7DE67067-EE9C-4892-BE64-21ADF8C4E272}" type="presOf" srcId="{02E04DC9-9D89-4CBE-B587-CBF46B642946}" destId="{C0A414C3-2EFE-4459-96EB-E814ED68C3E9}" srcOrd="1" destOrd="0" presId="urn:microsoft.com/office/officeart/2005/8/layout/hierarchy2"/>
    <dgm:cxn modelId="{D6BDCC49-6AEA-43FA-8CFE-740F1DE08EBF}" type="presOf" srcId="{8BB385E0-AAEA-4469-AD10-1871D38330CE}" destId="{76614221-3739-460B-8604-84E01891130E}" srcOrd="0" destOrd="0" presId="urn:microsoft.com/office/officeart/2005/8/layout/hierarchy2"/>
    <dgm:cxn modelId="{6239D749-3C7C-49C8-93A9-CD9026223FF0}" type="presOf" srcId="{2DB72F7D-473E-4B79-AC35-D6C4A31E55FF}" destId="{3270DA7D-FE51-485A-A02C-17C473194DB1}" srcOrd="0" destOrd="0" presId="urn:microsoft.com/office/officeart/2005/8/layout/hierarchy2"/>
    <dgm:cxn modelId="{38EB834C-43DF-45E8-8A6C-F8673B553944}" type="presOf" srcId="{FEF3998F-CDCD-4866-9B15-7C8F5FA0DE26}" destId="{79D55558-8DCB-4435-91D5-F03EDFE495DE}" srcOrd="0" destOrd="0" presId="urn:microsoft.com/office/officeart/2005/8/layout/hierarchy2"/>
    <dgm:cxn modelId="{FD2AAC71-608E-4BCB-B433-420331311AC6}" type="presOf" srcId="{347DA7E7-4B7E-452C-9E7A-630C87F3C28B}" destId="{93C356D7-770D-43B2-A980-5B4462AC366E}" srcOrd="1" destOrd="0" presId="urn:microsoft.com/office/officeart/2005/8/layout/hierarchy2"/>
    <dgm:cxn modelId="{53D22072-F231-41D3-A4DB-D599A38C9195}" type="presOf" srcId="{AC1E71C7-6069-409C-A7A5-DA09C84B1569}" destId="{F0B123C0-698F-454E-8B9A-5B992A090EF2}" srcOrd="0" destOrd="0" presId="urn:microsoft.com/office/officeart/2005/8/layout/hierarchy2"/>
    <dgm:cxn modelId="{1AF0F673-8CA9-47D5-96B5-7D8126DAC949}" type="presOf" srcId="{8AF051AD-2C89-4DE4-8718-9326DA570A03}" destId="{B53631AF-B2A4-4C28-BAE3-919601A4940B}" srcOrd="0" destOrd="0" presId="urn:microsoft.com/office/officeart/2005/8/layout/hierarchy2"/>
    <dgm:cxn modelId="{56EC535A-FAC5-4312-A23D-9E91B35D5986}" srcId="{CE87A848-3B9C-4597-98A0-5E1610C2687D}" destId="{0FFC9E40-8CBB-4B30-B874-E10484C1E771}" srcOrd="0" destOrd="0" parTransId="{BFB35D04-4A2C-407C-87D1-CF5BEF6E4C74}" sibTransId="{0196DBF4-5AD0-48A1-A6C5-643A32F6611F}"/>
    <dgm:cxn modelId="{FD66417F-2BF8-462A-A8EF-79277F99B6E6}" type="presOf" srcId="{CE87A848-3B9C-4597-98A0-5E1610C2687D}" destId="{70A0FA79-7F04-4EA8-9CD4-52144B9A7457}" srcOrd="0" destOrd="0" presId="urn:microsoft.com/office/officeart/2005/8/layout/hierarchy2"/>
    <dgm:cxn modelId="{4A492B91-03C0-4523-9634-1D9B8CF00601}" type="presOf" srcId="{8BB385E0-AAEA-4469-AD10-1871D38330CE}" destId="{2174A706-2A93-446E-85F1-E9D2BB7D0F04}" srcOrd="1" destOrd="0" presId="urn:microsoft.com/office/officeart/2005/8/layout/hierarchy2"/>
    <dgm:cxn modelId="{5512C99C-CCA1-466E-AB6F-290DDA272FBA}" type="presOf" srcId="{BFB35D04-4A2C-407C-87D1-CF5BEF6E4C74}" destId="{15919ED9-DCF2-4172-81FE-F305B91A519B}" srcOrd="0" destOrd="0" presId="urn:microsoft.com/office/officeart/2005/8/layout/hierarchy2"/>
    <dgm:cxn modelId="{BDE5F6B4-DC6B-4E11-A697-5DC77CE69B54}" type="presOf" srcId="{9E63F553-4470-44A6-B67B-E010B5628916}" destId="{E1A71EC7-DF36-4171-A95F-219855A78628}" srcOrd="1" destOrd="0" presId="urn:microsoft.com/office/officeart/2005/8/layout/hierarchy2"/>
    <dgm:cxn modelId="{C63917C2-17BC-45D8-9CF1-C8EE89FF44B4}" type="presOf" srcId="{02E04DC9-9D89-4CBE-B587-CBF46B642946}" destId="{DA39688B-4D8F-4AAF-BC6D-1703A8262412}" srcOrd="0" destOrd="0" presId="urn:microsoft.com/office/officeart/2005/8/layout/hierarchy2"/>
    <dgm:cxn modelId="{667C4FC8-9190-4D7F-8FF5-520ADE5792CE}" type="presOf" srcId="{42B50798-5FEC-434C-B06A-D9A0A44503C7}" destId="{0CCA7EFE-5922-4BFF-8B09-021220FDAFC7}" srcOrd="0" destOrd="0" presId="urn:microsoft.com/office/officeart/2005/8/layout/hierarchy2"/>
    <dgm:cxn modelId="{100B1DCA-879B-47FD-B7DF-3752C6CC6258}" type="presOf" srcId="{8966FF94-C4F8-47C5-BE9F-D2CACEA0A935}" destId="{80515DCA-033B-4308-9C39-7FC931058B2F}" srcOrd="0" destOrd="0" presId="urn:microsoft.com/office/officeart/2005/8/layout/hierarchy2"/>
    <dgm:cxn modelId="{780CE0CB-8EA6-4E6C-BA36-A75D7FAC8127}" srcId="{8AF051AD-2C89-4DE4-8718-9326DA570A03}" destId="{AC1E71C7-6069-409C-A7A5-DA09C84B1569}" srcOrd="0" destOrd="0" parTransId="{8BB385E0-AAEA-4469-AD10-1871D38330CE}" sibTransId="{F59C3171-9747-44D4-9816-C79F64042274}"/>
    <dgm:cxn modelId="{922AB9D1-F5ED-4C79-802B-807337D10FF1}" type="presOf" srcId="{347DA7E7-4B7E-452C-9E7A-630C87F3C28B}" destId="{C46AC523-C698-425E-9ED6-C47C93BBEB08}" srcOrd="0" destOrd="0" presId="urn:microsoft.com/office/officeart/2005/8/layout/hierarchy2"/>
    <dgm:cxn modelId="{190F9FF6-0736-4191-B174-E0C7321B0002}" srcId="{8AF051AD-2C89-4DE4-8718-9326DA570A03}" destId="{E0D9FEFC-717E-4F36-90A2-AEB162731079}" srcOrd="1" destOrd="0" parTransId="{02E04DC9-9D89-4CBE-B587-CBF46B642946}" sibTransId="{96217390-592A-455F-9845-3544FBADA79E}"/>
    <dgm:cxn modelId="{499080F9-98DC-4B1B-8EBF-14CB4F5C1E11}" type="presOf" srcId="{799E13E9-FBA7-4C5B-9CB3-64D087844F7C}" destId="{1B116AA8-60E8-4651-A5AC-0189D109979D}" srcOrd="1" destOrd="0" presId="urn:microsoft.com/office/officeart/2005/8/layout/hierarchy2"/>
    <dgm:cxn modelId="{C2D93CFA-7A89-4DE1-8BA0-C839C1B9EF94}" srcId="{CE87A848-3B9C-4597-98A0-5E1610C2687D}" destId="{2345CD75-8439-48DB-BC01-79087BFD7AAA}" srcOrd="1" destOrd="0" parTransId="{9E63F553-4470-44A6-B67B-E010B5628916}" sibTransId="{4B54EAF7-D1A0-4B48-B956-538D35A3E113}"/>
    <dgm:cxn modelId="{E1EB38FB-B4B5-42ED-83B6-817B1D315F89}" type="presOf" srcId="{799E13E9-FBA7-4C5B-9CB3-64D087844F7C}" destId="{31778DB1-5B5B-409F-AFB6-A6B72A91368B}" srcOrd="0" destOrd="0" presId="urn:microsoft.com/office/officeart/2005/8/layout/hierarchy2"/>
    <dgm:cxn modelId="{0851B6FB-6F8C-4289-9948-91F54431489B}" type="presOf" srcId="{0FFC9E40-8CBB-4B30-B874-E10484C1E771}" destId="{AA2E9989-3C27-4B98-9383-390C42A29645}" srcOrd="0" destOrd="0" presId="urn:microsoft.com/office/officeart/2005/8/layout/hierarchy2"/>
    <dgm:cxn modelId="{1A22BE0D-41BE-48C0-B071-761D3437B1CD}" type="presParOf" srcId="{3270DA7D-FE51-485A-A02C-17C473194DB1}" destId="{26BCAC58-2DA1-4716-8AE9-CA0561B61834}" srcOrd="0" destOrd="0" presId="urn:microsoft.com/office/officeart/2005/8/layout/hierarchy2"/>
    <dgm:cxn modelId="{FAD4F5FD-9FEF-40B0-92A0-5A50C21F0861}" type="presParOf" srcId="{26BCAC58-2DA1-4716-8AE9-CA0561B61834}" destId="{80515DCA-033B-4308-9C39-7FC931058B2F}" srcOrd="0" destOrd="0" presId="urn:microsoft.com/office/officeart/2005/8/layout/hierarchy2"/>
    <dgm:cxn modelId="{4A45E13E-C719-494E-A8B0-B8657F2644F7}" type="presParOf" srcId="{26BCAC58-2DA1-4716-8AE9-CA0561B61834}" destId="{986E1393-2579-49F6-8C51-1E2FA2E4DCFD}" srcOrd="1" destOrd="0" presId="urn:microsoft.com/office/officeart/2005/8/layout/hierarchy2"/>
    <dgm:cxn modelId="{F2598CF9-1BEC-4BAB-9CA8-AEDE0F83AC02}" type="presParOf" srcId="{986E1393-2579-49F6-8C51-1E2FA2E4DCFD}" destId="{79D55558-8DCB-4435-91D5-F03EDFE495DE}" srcOrd="0" destOrd="0" presId="urn:microsoft.com/office/officeart/2005/8/layout/hierarchy2"/>
    <dgm:cxn modelId="{B4139B46-5F8E-4480-9E61-45BC99A6EC7A}" type="presParOf" srcId="{79D55558-8DCB-4435-91D5-F03EDFE495DE}" destId="{A177A48B-3BCB-4877-98B8-D4038EDCD15B}" srcOrd="0" destOrd="0" presId="urn:microsoft.com/office/officeart/2005/8/layout/hierarchy2"/>
    <dgm:cxn modelId="{103391C0-F36D-40FC-900C-22068AE99B31}" type="presParOf" srcId="{986E1393-2579-49F6-8C51-1E2FA2E4DCFD}" destId="{EEC106C0-4C32-4C34-BF71-29F3D9BB3B46}" srcOrd="1" destOrd="0" presId="urn:microsoft.com/office/officeart/2005/8/layout/hierarchy2"/>
    <dgm:cxn modelId="{A1E04F93-162D-4224-BBAF-8E99093034FF}" type="presParOf" srcId="{EEC106C0-4C32-4C34-BF71-29F3D9BB3B46}" destId="{B53631AF-B2A4-4C28-BAE3-919601A4940B}" srcOrd="0" destOrd="0" presId="urn:microsoft.com/office/officeart/2005/8/layout/hierarchy2"/>
    <dgm:cxn modelId="{9521D937-9876-4AD8-BE18-8A9FFF327A5C}" type="presParOf" srcId="{EEC106C0-4C32-4C34-BF71-29F3D9BB3B46}" destId="{79717CB1-6AE4-4CF3-BA09-BD474B55B3A0}" srcOrd="1" destOrd="0" presId="urn:microsoft.com/office/officeart/2005/8/layout/hierarchy2"/>
    <dgm:cxn modelId="{EF395E7F-C03F-4BDD-9EF5-6B4435EF9B84}" type="presParOf" srcId="{79717CB1-6AE4-4CF3-BA09-BD474B55B3A0}" destId="{76614221-3739-460B-8604-84E01891130E}" srcOrd="0" destOrd="0" presId="urn:microsoft.com/office/officeart/2005/8/layout/hierarchy2"/>
    <dgm:cxn modelId="{5EE59102-0F74-4B90-AB0C-9AE3401645F7}" type="presParOf" srcId="{76614221-3739-460B-8604-84E01891130E}" destId="{2174A706-2A93-446E-85F1-E9D2BB7D0F04}" srcOrd="0" destOrd="0" presId="urn:microsoft.com/office/officeart/2005/8/layout/hierarchy2"/>
    <dgm:cxn modelId="{48748507-0C10-4204-B3F9-7100DC8F596A}" type="presParOf" srcId="{79717CB1-6AE4-4CF3-BA09-BD474B55B3A0}" destId="{5AB10750-9D69-4B0D-8CE9-6B7793A6566E}" srcOrd="1" destOrd="0" presId="urn:microsoft.com/office/officeart/2005/8/layout/hierarchy2"/>
    <dgm:cxn modelId="{F77342B5-F348-4401-B137-B0672CCB6848}" type="presParOf" srcId="{5AB10750-9D69-4B0D-8CE9-6B7793A6566E}" destId="{F0B123C0-698F-454E-8B9A-5B992A090EF2}" srcOrd="0" destOrd="0" presId="urn:microsoft.com/office/officeart/2005/8/layout/hierarchy2"/>
    <dgm:cxn modelId="{8DB3B3BA-C5A5-45B4-AB34-18D4AFCD9E5E}" type="presParOf" srcId="{5AB10750-9D69-4B0D-8CE9-6B7793A6566E}" destId="{757E5DFC-0EB7-492C-8C2D-6B76CFA4DF96}" srcOrd="1" destOrd="0" presId="urn:microsoft.com/office/officeart/2005/8/layout/hierarchy2"/>
    <dgm:cxn modelId="{84B742E5-BCC0-454D-ABB5-DE719FD52B73}" type="presParOf" srcId="{79717CB1-6AE4-4CF3-BA09-BD474B55B3A0}" destId="{DA39688B-4D8F-4AAF-BC6D-1703A8262412}" srcOrd="2" destOrd="0" presId="urn:microsoft.com/office/officeart/2005/8/layout/hierarchy2"/>
    <dgm:cxn modelId="{98006C8A-DC6E-45A2-9BE9-D6DDD9BE4469}" type="presParOf" srcId="{DA39688B-4D8F-4AAF-BC6D-1703A8262412}" destId="{C0A414C3-2EFE-4459-96EB-E814ED68C3E9}" srcOrd="0" destOrd="0" presId="urn:microsoft.com/office/officeart/2005/8/layout/hierarchy2"/>
    <dgm:cxn modelId="{E3EC0C3B-8C48-449C-B174-DC9CB2AB5B37}" type="presParOf" srcId="{79717CB1-6AE4-4CF3-BA09-BD474B55B3A0}" destId="{93EFA7CD-20B3-47AB-B75B-3FB83E69CC3C}" srcOrd="3" destOrd="0" presId="urn:microsoft.com/office/officeart/2005/8/layout/hierarchy2"/>
    <dgm:cxn modelId="{D1B32933-E4C0-409B-A520-07862E2029F1}" type="presParOf" srcId="{93EFA7CD-20B3-47AB-B75B-3FB83E69CC3C}" destId="{87DBB348-4999-4F42-AC3C-FD9B7789B676}" srcOrd="0" destOrd="0" presId="urn:microsoft.com/office/officeart/2005/8/layout/hierarchy2"/>
    <dgm:cxn modelId="{F8520B3D-85F9-4344-B6EF-1D7F830624B8}" type="presParOf" srcId="{93EFA7CD-20B3-47AB-B75B-3FB83E69CC3C}" destId="{80F04B23-7A25-4335-9373-D607334635C0}" srcOrd="1" destOrd="0" presId="urn:microsoft.com/office/officeart/2005/8/layout/hierarchy2"/>
    <dgm:cxn modelId="{80C46F47-DD50-4F5B-83B2-273BF4D5BAE5}" type="presParOf" srcId="{79717CB1-6AE4-4CF3-BA09-BD474B55B3A0}" destId="{31778DB1-5B5B-409F-AFB6-A6B72A91368B}" srcOrd="4" destOrd="0" presId="urn:microsoft.com/office/officeart/2005/8/layout/hierarchy2"/>
    <dgm:cxn modelId="{1E6DBD0B-00CC-41EF-9393-F6E338AF49E6}" type="presParOf" srcId="{31778DB1-5B5B-409F-AFB6-A6B72A91368B}" destId="{1B116AA8-60E8-4651-A5AC-0189D109979D}" srcOrd="0" destOrd="0" presId="urn:microsoft.com/office/officeart/2005/8/layout/hierarchy2"/>
    <dgm:cxn modelId="{400CA283-A0BF-4063-AB18-830588DA995D}" type="presParOf" srcId="{79717CB1-6AE4-4CF3-BA09-BD474B55B3A0}" destId="{BCEF8F73-1F09-480F-B1C1-CDAE83C7432C}" srcOrd="5" destOrd="0" presId="urn:microsoft.com/office/officeart/2005/8/layout/hierarchy2"/>
    <dgm:cxn modelId="{FDEEB8CE-82B7-4E2B-883D-4B2D0CCCDDE6}" type="presParOf" srcId="{BCEF8F73-1F09-480F-B1C1-CDAE83C7432C}" destId="{70A0FA79-7F04-4EA8-9CD4-52144B9A7457}" srcOrd="0" destOrd="0" presId="urn:microsoft.com/office/officeart/2005/8/layout/hierarchy2"/>
    <dgm:cxn modelId="{3B6E2D2D-6222-40EA-BC54-46D60C9AAB0A}" type="presParOf" srcId="{BCEF8F73-1F09-480F-B1C1-CDAE83C7432C}" destId="{B52338B1-AAC7-45B1-9484-78C3D7FB8182}" srcOrd="1" destOrd="0" presId="urn:microsoft.com/office/officeart/2005/8/layout/hierarchy2"/>
    <dgm:cxn modelId="{94BD9C38-594D-4D3F-A34E-E0C71E9FC5C5}" type="presParOf" srcId="{B52338B1-AAC7-45B1-9484-78C3D7FB8182}" destId="{15919ED9-DCF2-4172-81FE-F305B91A519B}" srcOrd="0" destOrd="0" presId="urn:microsoft.com/office/officeart/2005/8/layout/hierarchy2"/>
    <dgm:cxn modelId="{0FF8689E-F933-4DAF-A37F-C11D55F31580}" type="presParOf" srcId="{15919ED9-DCF2-4172-81FE-F305B91A519B}" destId="{E8266AF9-45BE-4249-9455-BD030D6514F5}" srcOrd="0" destOrd="0" presId="urn:microsoft.com/office/officeart/2005/8/layout/hierarchy2"/>
    <dgm:cxn modelId="{911EAB27-2C1F-4F8A-8875-0037F417EB81}" type="presParOf" srcId="{B52338B1-AAC7-45B1-9484-78C3D7FB8182}" destId="{EA923BD5-1E19-45B6-9673-74DD67BCD2C9}" srcOrd="1" destOrd="0" presId="urn:microsoft.com/office/officeart/2005/8/layout/hierarchy2"/>
    <dgm:cxn modelId="{9623A1AC-E096-444E-B613-09EAC049953A}" type="presParOf" srcId="{EA923BD5-1E19-45B6-9673-74DD67BCD2C9}" destId="{AA2E9989-3C27-4B98-9383-390C42A29645}" srcOrd="0" destOrd="0" presId="urn:microsoft.com/office/officeart/2005/8/layout/hierarchy2"/>
    <dgm:cxn modelId="{C3009BBE-D291-4F62-8CF3-19EAA914EC34}" type="presParOf" srcId="{EA923BD5-1E19-45B6-9673-74DD67BCD2C9}" destId="{DA4C34C1-BC0C-43AF-9719-D1B801C2842B}" srcOrd="1" destOrd="0" presId="urn:microsoft.com/office/officeart/2005/8/layout/hierarchy2"/>
    <dgm:cxn modelId="{823AB476-1243-4CDC-8BFC-DEC09F0F2027}" type="presParOf" srcId="{B52338B1-AAC7-45B1-9484-78C3D7FB8182}" destId="{D32833BF-FEC1-404F-B54A-84A23E2F371E}" srcOrd="2" destOrd="0" presId="urn:microsoft.com/office/officeart/2005/8/layout/hierarchy2"/>
    <dgm:cxn modelId="{11048031-4609-4E33-83B1-BB57E86BB6A5}" type="presParOf" srcId="{D32833BF-FEC1-404F-B54A-84A23E2F371E}" destId="{E1A71EC7-DF36-4171-A95F-219855A78628}" srcOrd="0" destOrd="0" presId="urn:microsoft.com/office/officeart/2005/8/layout/hierarchy2"/>
    <dgm:cxn modelId="{A3BD858B-0A46-4BF6-858E-AF8DB7F13BC9}" type="presParOf" srcId="{B52338B1-AAC7-45B1-9484-78C3D7FB8182}" destId="{9C3F6661-5723-4383-B118-7771DE926B8B}" srcOrd="3" destOrd="0" presId="urn:microsoft.com/office/officeart/2005/8/layout/hierarchy2"/>
    <dgm:cxn modelId="{E99721C8-FE09-4A73-8244-3F800FB4B6F5}" type="presParOf" srcId="{9C3F6661-5723-4383-B118-7771DE926B8B}" destId="{441919B8-5F0A-4296-84B7-88919993FA2F}" srcOrd="0" destOrd="0" presId="urn:microsoft.com/office/officeart/2005/8/layout/hierarchy2"/>
    <dgm:cxn modelId="{800D1CD0-C2E6-4E9B-B537-7630A7C45D07}" type="presParOf" srcId="{9C3F6661-5723-4383-B118-7771DE926B8B}" destId="{66593AED-A359-4771-96ED-AD897C76FFF2}" srcOrd="1" destOrd="0" presId="urn:microsoft.com/office/officeart/2005/8/layout/hierarchy2"/>
    <dgm:cxn modelId="{63947554-FC2D-40E2-B80B-01F48EEA8FE0}" type="presParOf" srcId="{B52338B1-AAC7-45B1-9484-78C3D7FB8182}" destId="{C46AC523-C698-425E-9ED6-C47C93BBEB08}" srcOrd="4" destOrd="0" presId="urn:microsoft.com/office/officeart/2005/8/layout/hierarchy2"/>
    <dgm:cxn modelId="{F4594261-DEA0-476A-BFFA-5CD4BD4F408F}" type="presParOf" srcId="{C46AC523-C698-425E-9ED6-C47C93BBEB08}" destId="{93C356D7-770D-43B2-A980-5B4462AC366E}" srcOrd="0" destOrd="0" presId="urn:microsoft.com/office/officeart/2005/8/layout/hierarchy2"/>
    <dgm:cxn modelId="{96751059-D8E8-4565-97D0-735CBF8D719F}" type="presParOf" srcId="{B52338B1-AAC7-45B1-9484-78C3D7FB8182}" destId="{505F104A-64B3-43B8-B884-46C8EDFA02E6}" srcOrd="5" destOrd="0" presId="urn:microsoft.com/office/officeart/2005/8/layout/hierarchy2"/>
    <dgm:cxn modelId="{9E54B511-D49A-47AF-9887-E3DDEB63F18F}" type="presParOf" srcId="{505F104A-64B3-43B8-B884-46C8EDFA02E6}" destId="{0CCA7EFE-5922-4BFF-8B09-021220FDAFC7}" srcOrd="0" destOrd="0" presId="urn:microsoft.com/office/officeart/2005/8/layout/hierarchy2"/>
    <dgm:cxn modelId="{5B1750CF-1244-4DAD-9C89-209B47F1E800}" type="presParOf" srcId="{505F104A-64B3-43B8-B884-46C8EDFA02E6}" destId="{3BF12D92-0FB4-44B3-9353-7DE588BDAF72}" srcOrd="1" destOrd="0" presId="urn:microsoft.com/office/officeart/2005/8/layout/hierarchy2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0515DCA-033B-4308-9C39-7FC931058B2F}">
      <dsp:nvSpPr>
        <dsp:cNvPr id="0" name=""/>
        <dsp:cNvSpPr/>
      </dsp:nvSpPr>
      <dsp:spPr>
        <a:xfrm>
          <a:off x="12072" y="1468535"/>
          <a:ext cx="1962535" cy="981267"/>
        </a:xfrm>
        <a:prstGeom prst="roundRect">
          <a:avLst>
            <a:gd name="adj" fmla="val 10000"/>
          </a:avLst>
        </a:prstGeom>
        <a:solidFill>
          <a:schemeClr val="tx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/>
            <a:t>SDU Uddannelse</a:t>
          </a:r>
        </a:p>
      </dsp:txBody>
      <dsp:txXfrm>
        <a:off x="40812" y="1497275"/>
        <a:ext cx="1905055" cy="923787"/>
      </dsp:txXfrm>
    </dsp:sp>
    <dsp:sp modelId="{79D55558-8DCB-4435-91D5-F03EDFE495DE}">
      <dsp:nvSpPr>
        <dsp:cNvPr id="0" name=""/>
        <dsp:cNvSpPr/>
      </dsp:nvSpPr>
      <dsp:spPr>
        <a:xfrm>
          <a:off x="1974607" y="1944571"/>
          <a:ext cx="785014" cy="29195"/>
        </a:xfrm>
        <a:custGeom>
          <a:avLst/>
          <a:gdLst/>
          <a:ahLst/>
          <a:cxnLst/>
          <a:rect l="0" t="0" r="0" b="0"/>
          <a:pathLst>
            <a:path>
              <a:moveTo>
                <a:pt x="0" y="14597"/>
              </a:moveTo>
              <a:lnTo>
                <a:pt x="785014" y="14597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00" kern="1200"/>
        </a:p>
      </dsp:txBody>
      <dsp:txXfrm>
        <a:off x="2347489" y="1939543"/>
        <a:ext cx="39250" cy="39250"/>
      </dsp:txXfrm>
    </dsp:sp>
    <dsp:sp modelId="{B53631AF-B2A4-4C28-BAE3-919601A4940B}">
      <dsp:nvSpPr>
        <dsp:cNvPr id="0" name=""/>
        <dsp:cNvSpPr/>
      </dsp:nvSpPr>
      <dsp:spPr>
        <a:xfrm>
          <a:off x="2759621" y="1455548"/>
          <a:ext cx="1962535" cy="1007241"/>
        </a:xfrm>
        <a:prstGeom prst="roundRect">
          <a:avLst>
            <a:gd name="adj" fmla="val 10000"/>
          </a:avLst>
        </a:prstGeom>
        <a:solidFill>
          <a:schemeClr val="tx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/>
            <a:t>Studenter-service</a:t>
          </a:r>
        </a:p>
      </dsp:txBody>
      <dsp:txXfrm>
        <a:off x="2789122" y="1485049"/>
        <a:ext cx="1903533" cy="948239"/>
      </dsp:txXfrm>
    </dsp:sp>
    <dsp:sp modelId="{76614221-3739-460B-8604-84E01891130E}">
      <dsp:nvSpPr>
        <dsp:cNvPr id="0" name=""/>
        <dsp:cNvSpPr/>
      </dsp:nvSpPr>
      <dsp:spPr>
        <a:xfrm rot="18289469">
          <a:off x="4427338" y="1380342"/>
          <a:ext cx="1374650" cy="29195"/>
        </a:xfrm>
        <a:custGeom>
          <a:avLst/>
          <a:gdLst/>
          <a:ahLst/>
          <a:cxnLst/>
          <a:rect l="0" t="0" r="0" b="0"/>
          <a:pathLst>
            <a:path>
              <a:moveTo>
                <a:pt x="0" y="14597"/>
              </a:moveTo>
              <a:lnTo>
                <a:pt x="1374650" y="14597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00" kern="1200"/>
        </a:p>
      </dsp:txBody>
      <dsp:txXfrm>
        <a:off x="5080297" y="1360573"/>
        <a:ext cx="68732" cy="68732"/>
      </dsp:txXfrm>
    </dsp:sp>
    <dsp:sp modelId="{F0B123C0-698F-454E-8B9A-5B992A090EF2}">
      <dsp:nvSpPr>
        <dsp:cNvPr id="0" name=""/>
        <dsp:cNvSpPr/>
      </dsp:nvSpPr>
      <dsp:spPr>
        <a:xfrm>
          <a:off x="5507170" y="340077"/>
          <a:ext cx="1962535" cy="981267"/>
        </a:xfrm>
        <a:prstGeom prst="roundRect">
          <a:avLst>
            <a:gd name="adj" fmla="val 10000"/>
          </a:avLst>
        </a:prstGeom>
        <a:solidFill>
          <a:schemeClr val="tx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/>
            <a:t>SU &amp; SPS</a:t>
          </a:r>
        </a:p>
      </dsp:txBody>
      <dsp:txXfrm>
        <a:off x="5535910" y="368817"/>
        <a:ext cx="1905055" cy="923787"/>
      </dsp:txXfrm>
    </dsp:sp>
    <dsp:sp modelId="{DA39688B-4D8F-4AAF-BC6D-1703A8262412}">
      <dsp:nvSpPr>
        <dsp:cNvPr id="0" name=""/>
        <dsp:cNvSpPr/>
      </dsp:nvSpPr>
      <dsp:spPr>
        <a:xfrm>
          <a:off x="4722156" y="1944571"/>
          <a:ext cx="785014" cy="29195"/>
        </a:xfrm>
        <a:custGeom>
          <a:avLst/>
          <a:gdLst/>
          <a:ahLst/>
          <a:cxnLst/>
          <a:rect l="0" t="0" r="0" b="0"/>
          <a:pathLst>
            <a:path>
              <a:moveTo>
                <a:pt x="0" y="14597"/>
              </a:moveTo>
              <a:lnTo>
                <a:pt x="785014" y="14597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00" kern="1200"/>
        </a:p>
      </dsp:txBody>
      <dsp:txXfrm>
        <a:off x="5095038" y="1939543"/>
        <a:ext cx="39250" cy="39250"/>
      </dsp:txXfrm>
    </dsp:sp>
    <dsp:sp modelId="{87DBB348-4999-4F42-AC3C-FD9B7789B676}">
      <dsp:nvSpPr>
        <dsp:cNvPr id="0" name=""/>
        <dsp:cNvSpPr/>
      </dsp:nvSpPr>
      <dsp:spPr>
        <a:xfrm>
          <a:off x="5507170" y="1468535"/>
          <a:ext cx="1962535" cy="981267"/>
        </a:xfrm>
        <a:prstGeom prst="roundRect">
          <a:avLst>
            <a:gd name="adj" fmla="val 10000"/>
          </a:avLst>
        </a:prstGeom>
        <a:solidFill>
          <a:schemeClr val="tx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/>
            <a:t>International Office</a:t>
          </a:r>
        </a:p>
      </dsp:txBody>
      <dsp:txXfrm>
        <a:off x="5535910" y="1497275"/>
        <a:ext cx="1905055" cy="923787"/>
      </dsp:txXfrm>
    </dsp:sp>
    <dsp:sp modelId="{31778DB1-5B5B-409F-AFB6-A6B72A91368B}">
      <dsp:nvSpPr>
        <dsp:cNvPr id="0" name=""/>
        <dsp:cNvSpPr/>
      </dsp:nvSpPr>
      <dsp:spPr>
        <a:xfrm rot="3310531">
          <a:off x="4427338" y="2508800"/>
          <a:ext cx="1374650" cy="29195"/>
        </a:xfrm>
        <a:custGeom>
          <a:avLst/>
          <a:gdLst/>
          <a:ahLst/>
          <a:cxnLst/>
          <a:rect l="0" t="0" r="0" b="0"/>
          <a:pathLst>
            <a:path>
              <a:moveTo>
                <a:pt x="0" y="14597"/>
              </a:moveTo>
              <a:lnTo>
                <a:pt x="1374650" y="14597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00" kern="1200"/>
        </a:p>
      </dsp:txBody>
      <dsp:txXfrm>
        <a:off x="5080297" y="2489031"/>
        <a:ext cx="68732" cy="68732"/>
      </dsp:txXfrm>
    </dsp:sp>
    <dsp:sp modelId="{70A0FA79-7F04-4EA8-9CD4-52144B9A7457}">
      <dsp:nvSpPr>
        <dsp:cNvPr id="0" name=""/>
        <dsp:cNvSpPr/>
      </dsp:nvSpPr>
      <dsp:spPr>
        <a:xfrm>
          <a:off x="5507170" y="2596992"/>
          <a:ext cx="1962535" cy="981267"/>
        </a:xfrm>
        <a:prstGeom prst="roundRect">
          <a:avLst>
            <a:gd name="adj" fmla="val 10000"/>
          </a:avLst>
        </a:prstGeom>
        <a:solidFill>
          <a:schemeClr val="tx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/>
            <a:t>Studieliv</a:t>
          </a:r>
        </a:p>
      </dsp:txBody>
      <dsp:txXfrm>
        <a:off x="5535910" y="2625732"/>
        <a:ext cx="1905055" cy="923787"/>
      </dsp:txXfrm>
    </dsp:sp>
    <dsp:sp modelId="{15919ED9-DCF2-4172-81FE-F305B91A519B}">
      <dsp:nvSpPr>
        <dsp:cNvPr id="0" name=""/>
        <dsp:cNvSpPr/>
      </dsp:nvSpPr>
      <dsp:spPr>
        <a:xfrm rot="17413054">
          <a:off x="6726440" y="2007235"/>
          <a:ext cx="2271544" cy="29195"/>
        </a:xfrm>
        <a:custGeom>
          <a:avLst/>
          <a:gdLst/>
          <a:ahLst/>
          <a:cxnLst/>
          <a:rect l="0" t="0" r="0" b="0"/>
          <a:pathLst>
            <a:path>
              <a:moveTo>
                <a:pt x="0" y="14597"/>
              </a:moveTo>
              <a:lnTo>
                <a:pt x="2271544" y="14597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800" kern="1200"/>
        </a:p>
      </dsp:txBody>
      <dsp:txXfrm>
        <a:off x="7805424" y="1965044"/>
        <a:ext cx="113577" cy="113577"/>
      </dsp:txXfrm>
    </dsp:sp>
    <dsp:sp modelId="{AA2E9989-3C27-4B98-9383-390C42A29645}">
      <dsp:nvSpPr>
        <dsp:cNvPr id="0" name=""/>
        <dsp:cNvSpPr/>
      </dsp:nvSpPr>
      <dsp:spPr>
        <a:xfrm>
          <a:off x="8254720" y="465405"/>
          <a:ext cx="2317616" cy="981267"/>
        </a:xfrm>
        <a:prstGeom prst="roundRect">
          <a:avLst>
            <a:gd name="adj" fmla="val 10000"/>
          </a:avLst>
        </a:prstGeom>
        <a:solidFill>
          <a:schemeClr val="tx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/>
            <a:t>Studie &amp; Trivselsvejledningen samt Elite</a:t>
          </a:r>
        </a:p>
      </dsp:txBody>
      <dsp:txXfrm>
        <a:off x="8283460" y="494145"/>
        <a:ext cx="2260136" cy="923787"/>
      </dsp:txXfrm>
    </dsp:sp>
    <dsp:sp modelId="{D32833BF-FEC1-404F-B54A-84A23E2F371E}">
      <dsp:nvSpPr>
        <dsp:cNvPr id="0" name=""/>
        <dsp:cNvSpPr/>
      </dsp:nvSpPr>
      <dsp:spPr>
        <a:xfrm rot="18482728">
          <a:off x="7225322" y="2571464"/>
          <a:ext cx="1273780" cy="29195"/>
        </a:xfrm>
        <a:custGeom>
          <a:avLst/>
          <a:gdLst/>
          <a:ahLst/>
          <a:cxnLst/>
          <a:rect l="0" t="0" r="0" b="0"/>
          <a:pathLst>
            <a:path>
              <a:moveTo>
                <a:pt x="0" y="14597"/>
              </a:moveTo>
              <a:lnTo>
                <a:pt x="1273780" y="14597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00" kern="1200"/>
        </a:p>
      </dsp:txBody>
      <dsp:txXfrm>
        <a:off x="7830368" y="2554217"/>
        <a:ext cx="63689" cy="63689"/>
      </dsp:txXfrm>
    </dsp:sp>
    <dsp:sp modelId="{441919B8-5F0A-4296-84B7-88919993FA2F}">
      <dsp:nvSpPr>
        <dsp:cNvPr id="0" name=""/>
        <dsp:cNvSpPr/>
      </dsp:nvSpPr>
      <dsp:spPr>
        <a:xfrm>
          <a:off x="8254720" y="1593862"/>
          <a:ext cx="2323190" cy="981267"/>
        </a:xfrm>
        <a:prstGeom prst="roundRect">
          <a:avLst>
            <a:gd name="adj" fmla="val 10000"/>
          </a:avLst>
        </a:prstGeom>
        <a:solidFill>
          <a:schemeClr val="tx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/>
            <a:t>Økonomi (Anne-Dorrit</a:t>
          </a:r>
          <a:r>
            <a:rPr lang="da-DK" sz="1700" kern="1200" dirty="0"/>
            <a:t>)</a:t>
          </a:r>
        </a:p>
      </dsp:txBody>
      <dsp:txXfrm>
        <a:off x="8283460" y="1622602"/>
        <a:ext cx="2265710" cy="923787"/>
      </dsp:txXfrm>
    </dsp:sp>
    <dsp:sp modelId="{C46AC523-C698-425E-9ED6-C47C93BBEB08}">
      <dsp:nvSpPr>
        <dsp:cNvPr id="0" name=""/>
        <dsp:cNvSpPr/>
      </dsp:nvSpPr>
      <dsp:spPr>
        <a:xfrm rot="3310531">
          <a:off x="7174887" y="3637258"/>
          <a:ext cx="1374650" cy="29195"/>
        </a:xfrm>
        <a:custGeom>
          <a:avLst/>
          <a:gdLst/>
          <a:ahLst/>
          <a:cxnLst/>
          <a:rect l="0" t="0" r="0" b="0"/>
          <a:pathLst>
            <a:path>
              <a:moveTo>
                <a:pt x="0" y="14597"/>
              </a:moveTo>
              <a:lnTo>
                <a:pt x="1374650" y="14597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00" kern="1200"/>
        </a:p>
      </dsp:txBody>
      <dsp:txXfrm>
        <a:off x="7827846" y="3617489"/>
        <a:ext cx="68732" cy="68732"/>
      </dsp:txXfrm>
    </dsp:sp>
    <dsp:sp modelId="{0CCA7EFE-5922-4BFF-8B09-021220FDAFC7}">
      <dsp:nvSpPr>
        <dsp:cNvPr id="0" name=""/>
        <dsp:cNvSpPr/>
      </dsp:nvSpPr>
      <dsp:spPr>
        <a:xfrm>
          <a:off x="8254720" y="2722320"/>
          <a:ext cx="2333866" cy="2987527"/>
        </a:xfrm>
        <a:prstGeom prst="roundRect">
          <a:avLst>
            <a:gd name="adj" fmla="val 10000"/>
          </a:avLst>
        </a:prstGeom>
        <a:solidFill>
          <a:schemeClr val="tx1">
            <a:lumMod val="65000"/>
            <a:lumOff val="3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/>
            <a:t>Det nye team:</a:t>
          </a:r>
        </a:p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800" kern="1200" dirty="0"/>
            <a:t>Lærke Bergstedt</a:t>
          </a:r>
        </a:p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800" kern="1200" dirty="0"/>
            <a:t>Nanna Rosenberg</a:t>
          </a:r>
        </a:p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800" kern="1200" dirty="0"/>
            <a:t>Karen Buchgraitz</a:t>
          </a:r>
        </a:p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800" kern="1200" dirty="0"/>
            <a:t>Laura Berglund (Elite) – som support</a:t>
          </a:r>
        </a:p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800" kern="1200" dirty="0"/>
            <a:t>Kristina Westergaard (stud.-medhjælp)</a:t>
          </a:r>
        </a:p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700" kern="1200" dirty="0"/>
        </a:p>
      </dsp:txBody>
      <dsp:txXfrm>
        <a:off x="8323077" y="2790677"/>
        <a:ext cx="2197152" cy="285081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ierarchy2">
  <dgm:title val=""/>
  <dgm:desc val=""/>
  <dgm:catLst>
    <dgm:cat type="hierarchy" pri="5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diagram">
    <dgm:varLst>
      <dgm:chPref val="1"/>
      <dgm:dir/>
      <dgm:animOne val="branch"/>
      <dgm:animLvl val="lvl"/>
      <dgm:resizeHandles val="exact"/>
    </dgm:varLst>
    <dgm:choose name="Name0">
      <dgm:if name="Name1" func="var" arg="dir" op="equ" val="norm">
        <dgm:alg type="hierChild">
          <dgm:param type="linDir" val="fromT"/>
          <dgm:param type="chAlign" val="l"/>
        </dgm:alg>
      </dgm:if>
      <dgm:else name="Name2">
        <dgm:alg type="hierChild">
          <dgm:param type="linDir" val="fromT"/>
          <dgm:param type="ch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des" ptType="node" refType="h"/>
      <dgm:constr type="w" for="des" ptType="node" refType="h" refFor="des" refPtType="node" fact="2"/>
      <dgm:constr type="sibSp" refType="h" refFor="des" refPtType="node" op="equ" fact="0.15"/>
      <dgm:constr type="sibSp" for="des" forName="level2hierChild" refType="h" refFor="des" refPtType="node" op="equ" fact="0.15"/>
      <dgm:constr type="sibSp" for="des" forName="level3hierChild" refType="h" refFor="des" refPtType="node" op="equ" fact="0.15"/>
      <dgm:constr type="sp" for="des" forName="root1" refType="w" refFor="des" refPtType="node" fact="0.4"/>
      <dgm:constr type="sp" for="des" forName="root2" refType="sp" refFor="des" refForName="root1" op="equ"/>
      <dgm:constr type="primFontSz" for="des" ptType="node" op="equ" val="65"/>
      <dgm:constr type="primFontSz" for="des" forName="connTx" op="equ" val="55"/>
      <dgm:constr type="primFontSz" for="des" forName="connTx" refType="primFontSz" refFor="des" refPtType="node" op="lte" fact="0.8"/>
    </dgm:constrLst>
    <dgm:ruleLst/>
    <dgm:forEach name="Name3" axis="ch">
      <dgm:forEach name="Name4" axis="self" ptType="node">
        <dgm:layoutNode name="root1">
          <dgm:choose name="Name5">
            <dgm:if name="Name6" func="var" arg="dir" op="equ" val="norm">
              <dgm:alg type="hierRoot">
                <dgm:param type="hierAlign" val="lCtrCh"/>
              </dgm:alg>
            </dgm:if>
            <dgm:else name="Name7">
              <dgm:alg type="hierRoot">
                <dgm:param type="hierAlign" val="rCtrCh"/>
              </dgm:alg>
            </dgm:else>
          </dgm:choose>
          <dgm:shape xmlns:r="http://schemas.openxmlformats.org/officeDocument/2006/relationships" r:blip="">
            <dgm:adjLst/>
          </dgm:shape>
          <dgm:presOf/>
          <dgm:constrLst/>
          <dgm:ruleLst/>
          <dgm:layoutNode name="LevelOneTextNode" styleLbl="node0">
            <dgm:varLst>
              <dgm:chPref val="3"/>
            </dgm:varLst>
            <dgm:alg type="tx"/>
            <dgm:shape xmlns:r="http://schemas.openxmlformats.org/officeDocument/2006/relationships" type="roundRect" r:blip="">
              <dgm:adjLst>
                <dgm:adj idx="1" val="0.1"/>
              </dgm:adjLst>
            </dgm:shape>
            <dgm:presOf axis="self"/>
            <dgm:constrLst>
              <dgm:constr type="tMarg" refType="primFontSz" fact="0.05"/>
              <dgm:constr type="bMarg" refType="primFontSz" fact="0.05"/>
              <dgm:constr type="lMarg" refType="primFontSz" fact="0.05"/>
              <dgm:constr type="rMarg" refType="primFontSz" fact="0.05"/>
            </dgm:constrLst>
            <dgm:ruleLst>
              <dgm:rule type="primFontSz" val="5" fact="NaN" max="NaN"/>
            </dgm:ruleLst>
          </dgm:layoutNode>
          <dgm:layoutNode name="level2hierChild">
            <dgm:choose name="Name8">
              <dgm:if name="Name9" func="var" arg="dir" op="equ" val="norm">
                <dgm:alg type="hierChild">
                  <dgm:param type="linDir" val="fromT"/>
                  <dgm:param type="chAlign" val="l"/>
                </dgm:alg>
              </dgm:if>
              <dgm:else name="Name10">
                <dgm:alg type="hierChild">
                  <dgm:param type="linDir" val="fromT"/>
                  <dgm:param type="chAlign" val="r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eat" axis="ch">
              <dgm:forEach name="Name11" axis="self" ptType="parTrans" cnt="1">
                <dgm:layoutNode name="conn2-1">
                  <dgm:choose name="Name12">
                    <dgm:if name="Name13" func="var" arg="dir" op="equ" val="norm">
                      <dgm:alg type="conn">
                        <dgm:param type="dim" val="1D"/>
                        <dgm:param type="begPts" val="midR"/>
                        <dgm:param type="endPts" val="midL"/>
                        <dgm:param type="endSty" val="noArr"/>
                      </dgm:alg>
                    </dgm:if>
                    <dgm:else name="Name14">
                      <dgm:alg type="conn">
                        <dgm:param type="dim" val="1D"/>
                        <dgm:param type="begPts" val="midL"/>
                        <dgm:param type="endPts" val="midR"/>
                        <dgm:param type="endSty" val="noArr"/>
                      </dgm:alg>
                    </dgm:else>
                  </dgm:choose>
                  <dgm:shape xmlns:r="http://schemas.openxmlformats.org/officeDocument/2006/relationships" type="conn" r:blip="">
                    <dgm:adjLst/>
                  </dgm:shape>
                  <dgm:presOf axis="self"/>
                  <dgm:constrLst>
                    <dgm:constr type="w" val="1"/>
                    <dgm:constr type="h" val="5"/>
                    <dgm:constr type="connDist"/>
                    <dgm:constr type="begPad"/>
                    <dgm:constr type="endPad"/>
                    <dgm:constr type="userA" for="ch" refType="connDist"/>
                  </dgm:constrLst>
                  <dgm:ruleLst/>
                  <dgm:layoutNode name="connTx">
                    <dgm:alg type="tx">
                      <dgm:param type="autoTxRot" val="grav"/>
                    </dgm:alg>
                    <dgm:shape xmlns:r="http://schemas.openxmlformats.org/officeDocument/2006/relationships" type="rect" r:blip="" hideGeom="1">
                      <dgm:adjLst/>
                    </dgm:shape>
                    <dgm:presOf axis="self"/>
                    <dgm:constrLst>
                      <dgm:constr type="userA"/>
                      <dgm:constr type="w" refType="userA" fact="0.05"/>
                      <dgm:constr type="h" refType="userA" fact="0.05"/>
                      <dgm:constr type="lMarg" val="1"/>
                      <dgm:constr type="rMarg" val="1"/>
                      <dgm:constr type="tMarg"/>
                      <dgm:constr type="bMarg"/>
                    </dgm:constrLst>
                    <dgm:ruleLst>
                      <dgm:rule type="h" val="NaN" fact="0.25" max="NaN"/>
                      <dgm:rule type="w" val="NaN" fact="0.8" max="NaN"/>
                      <dgm:rule type="primFontSz" val="5" fact="NaN" max="NaN"/>
                    </dgm:ruleLst>
                  </dgm:layoutNode>
                </dgm:layoutNode>
              </dgm:forEach>
              <dgm:forEach name="Name15" axis="self" ptType="node">
                <dgm:layoutNode name="root2">
                  <dgm:choose name="Name16">
                    <dgm:if name="Name17" func="var" arg="dir" op="equ" val="norm">
                      <dgm:alg type="hierRoot">
                        <dgm:param type="hierAlign" val="lCtrCh"/>
                      </dgm:alg>
                    </dgm:if>
                    <dgm:else name="Name18">
                      <dgm:alg type="hierRoot">
                        <dgm:param type="hierAlign" val="rCtrCh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layoutNode name="LevelTwoTextNode">
                    <dgm:varLst>
                      <dgm:chPref val="3"/>
                    </dgm:varLst>
                    <dgm:alg type="tx"/>
                    <dgm:shape xmlns:r="http://schemas.openxmlformats.org/officeDocument/2006/relationships" type="roundRect" r:blip="">
                      <dgm:adjLst>
                        <dgm:adj idx="1" val="0.1"/>
                      </dgm:adjLst>
                    </dgm:shape>
                    <dgm:presOf axis="self"/>
                    <dgm:constrLst>
                      <dgm:constr type="tMarg" refType="primFontSz" fact="0.05"/>
                      <dgm:constr type="bMarg" refType="primFontSz" fact="0.05"/>
                      <dgm:constr type="lMarg" refType="primFontSz" fact="0.05"/>
                      <dgm:constr type="r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level3hierChild">
                    <dgm:choose name="Name19">
                      <dgm:if name="Name20" func="var" arg="dir" op="equ" val="norm">
                        <dgm:alg type="hierChild">
                          <dgm:param type="linDir" val="fromT"/>
                          <dgm:param type="chAlign" val="l"/>
                        </dgm:alg>
                      </dgm:if>
                      <dgm:else name="Name21">
                        <dgm:alg type="hierChild">
                          <dgm:param type="linDir" val="fromT"/>
                          <dgm:param type="chAlign" val="r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  <dgm:forEach name="Name22" ref="repeat"/>
                  </dgm:layoutNode>
                </dgm:layoutNode>
              </dgm:forEach>
            </dgm:forEach>
          </dgm:layoutNode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4/03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40945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03-2025</a:t>
            </a:fld>
            <a:endParaRPr lang="da-DK" dirty="0"/>
          </a:p>
        </p:txBody>
      </p:sp>
      <p:sp>
        <p:nvSpPr>
          <p:cNvPr id="14" name="Rectangle 3" descr="{&quot;templafy&quot;:{&quot;id&quot;:&quot;1237cbd6-a3b0-44d1-aff4-09bbbee017af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8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1.xml"/><Relationship Id="rId3" Type="http://schemas.openxmlformats.org/officeDocument/2006/relationships/slideLayout" Target="../slideLayouts/slideLayout2.xml"/><Relationship Id="rId7" Type="http://schemas.openxmlformats.org/officeDocument/2006/relationships/diagramQuickStyle" Target="../diagrams/quickStyle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6" Type="http://schemas.openxmlformats.org/officeDocument/2006/relationships/diagramLayout" Target="../diagrams/layout1.xml"/><Relationship Id="rId5" Type="http://schemas.openxmlformats.org/officeDocument/2006/relationships/diagramData" Target="../diagrams/data1.xml"/><Relationship Id="rId4" Type="http://schemas.openxmlformats.org/officeDocument/2006/relationships/image" Target="../media/image3.jpeg"/><Relationship Id="rId9" Type="http://schemas.microsoft.com/office/2007/relationships/diagramDrawing" Target="../diagrams/drawing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4.jp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7" Type="http://schemas.openxmlformats.org/officeDocument/2006/relationships/image" Target="../media/image8.jpe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7.png"/><Relationship Id="rId5" Type="http://schemas.openxmlformats.org/officeDocument/2006/relationships/image" Target="../media/image6.jpeg"/><Relationship Id="rId4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6.xml"/><Relationship Id="rId4" Type="http://schemas.openxmlformats.org/officeDocument/2006/relationships/image" Target="../media/image9.jp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6.xml"/><Relationship Id="rId4" Type="http://schemas.openxmlformats.org/officeDocument/2006/relationships/image" Target="../media/image10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14.jpeg"/><Relationship Id="rId5" Type="http://schemas.openxmlformats.org/officeDocument/2006/relationships/image" Target="../media/image13.jpeg"/><Relationship Id="rId4" Type="http://schemas.openxmlformats.org/officeDocument/2006/relationships/image" Target="../media/image12.jpe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9.xml"/><Relationship Id="rId4" Type="http://schemas.openxmlformats.org/officeDocument/2006/relationships/image" Target="../media/image15.jp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Team Studieliv</a:t>
            </a:r>
            <a:br>
              <a:rPr lang="da-DK" dirty="0"/>
            </a:br>
            <a:r>
              <a:rPr lang="da-DK" sz="4400" dirty="0"/>
              <a:t>- nye opgaver i SDU Uddannelse</a:t>
            </a:r>
          </a:p>
        </p:txBody>
      </p:sp>
      <p:sp>
        <p:nvSpPr>
          <p:cNvPr id="8" name="Pladsholder til slidenummer 7"/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da-DK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5267196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lede 6" descr="Et billede, der indeholder udendørs, sky, bygning, mur&#10;&#10;Indhold genereret af kunstig intelligens kan være forkert.">
            <a:extLst>
              <a:ext uri="{FF2B5EF4-FFF2-40B4-BE49-F238E27FC236}">
                <a16:creationId xmlns:a16="http://schemas.microsoft.com/office/drawing/2014/main" id="{039356D2-0715-7F32-37E1-A019053A0A9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-5791201"/>
            <a:ext cx="17492135" cy="13119101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4-03-2025</a:t>
            </a:fld>
            <a:endParaRPr lang="da-DK" dirty="0"/>
          </a:p>
        </p:txBody>
      </p:sp>
      <p:graphicFrame>
        <p:nvGraphicFramePr>
          <p:cNvPr id="5" name="Diagram 4">
            <a:extLst>
              <a:ext uri="{FF2B5EF4-FFF2-40B4-BE49-F238E27FC236}">
                <a16:creationId xmlns:a16="http://schemas.microsoft.com/office/drawing/2014/main" id="{1741C852-C612-8955-13E6-3A58BCEE8258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260159942"/>
              </p:ext>
            </p:extLst>
          </p:nvPr>
        </p:nvGraphicFramePr>
        <p:xfrm>
          <a:off x="967563" y="446568"/>
          <a:ext cx="10600659" cy="604992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C4CC91B-B048-8C6B-EE03-9953B71AF3A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 descr="Et billede, der indeholder indendørs, Teatertæppe, præsentation, Projektionslærred&#10;&#10;Indhold genereret af kunstig intelligens kan være forkert.">
            <a:extLst>
              <a:ext uri="{FF2B5EF4-FFF2-40B4-BE49-F238E27FC236}">
                <a16:creationId xmlns:a16="http://schemas.microsoft.com/office/drawing/2014/main" id="{D9A36B99-551D-9204-4A00-53B9052CC15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320842" y="-1263316"/>
            <a:ext cx="12512842" cy="9384632"/>
          </a:xfrm>
          <a:prstGeom prst="rect">
            <a:avLst/>
          </a:prstGeom>
        </p:spPr>
      </p:pic>
      <p:sp>
        <p:nvSpPr>
          <p:cNvPr id="32" name="Titel 31">
            <a:extLst>
              <a:ext uri="{FF2B5EF4-FFF2-40B4-BE49-F238E27FC236}">
                <a16:creationId xmlns:a16="http://schemas.microsoft.com/office/drawing/2014/main" id="{DF9E7375-03D6-7E90-7BAC-F808DDEC93D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24465" y="1760373"/>
            <a:ext cx="5043948" cy="1525087"/>
          </a:xfrm>
          <a:solidFill>
            <a:schemeClr val="tx1"/>
          </a:solidFill>
          <a:ln>
            <a:solidFill>
              <a:schemeClr val="tx1">
                <a:lumMod val="95000"/>
                <a:lumOff val="5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da-DK" sz="3200" dirty="0">
                <a:solidFill>
                  <a:schemeClr val="bg1"/>
                </a:solidFill>
              </a:rPr>
              <a:t>Fællesskaber, foreninger og events – trivsel som fællesnævne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D24EC0D-75E5-EB22-F670-4CD2EFDD17F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4-03-2025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9495141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C7AF183-753C-6CD0-9BD3-378964D26E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 descr="Et billede, der indeholder tekst, menneske, tøj, skærmbillede&#10;&#10;Indhold genereret af kunstig intelligens kan være forkert.">
            <a:extLst>
              <a:ext uri="{FF2B5EF4-FFF2-40B4-BE49-F238E27FC236}">
                <a16:creationId xmlns:a16="http://schemas.microsoft.com/office/drawing/2014/main" id="{B0A29903-246A-8674-93C0-531158EF1A4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-20053"/>
            <a:ext cx="3166467" cy="685800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AA4A0E8-65E2-2225-C2AB-C8F69CAC586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4-03-2025</a:t>
            </a:fld>
            <a:endParaRPr lang="da-DK" dirty="0"/>
          </a:p>
        </p:txBody>
      </p:sp>
      <p:pic>
        <p:nvPicPr>
          <p:cNvPr id="5" name="Billede 4" descr="Et billede, der indeholder tekst, tøj, sky, skærmbillede&#10;&#10;Indhold genereret af kunstig intelligens kan være forkert.">
            <a:extLst>
              <a:ext uri="{FF2B5EF4-FFF2-40B4-BE49-F238E27FC236}">
                <a16:creationId xmlns:a16="http://schemas.microsoft.com/office/drawing/2014/main" id="{B0E2FF65-61CA-48C4-A372-9BF0DBC413AE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57822" y="-20053"/>
            <a:ext cx="3168981" cy="6858000"/>
          </a:xfrm>
          <a:prstGeom prst="rect">
            <a:avLst/>
          </a:prstGeom>
        </p:spPr>
      </p:pic>
      <p:pic>
        <p:nvPicPr>
          <p:cNvPr id="7" name="Billede 6" descr="Et billede, der indeholder tekst, skærmbillede, multimedier, software&#10;&#10;Indhold genereret af kunstig intelligens kan være forkert.">
            <a:extLst>
              <a:ext uri="{FF2B5EF4-FFF2-40B4-BE49-F238E27FC236}">
                <a16:creationId xmlns:a16="http://schemas.microsoft.com/office/drawing/2014/main" id="{4FA9BA99-DD70-E861-2BFC-2FC3A495AE99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53869" y="-20053"/>
            <a:ext cx="3166467" cy="6858000"/>
          </a:xfrm>
          <a:prstGeom prst="rect">
            <a:avLst/>
          </a:prstGeom>
        </p:spPr>
      </p:pic>
      <p:pic>
        <p:nvPicPr>
          <p:cNvPr id="9" name="Billede 8" descr="Et billede, der indeholder tekst, skærmbillede, Font/skrifttype, plakat&#10;&#10;Indhold genereret af kunstig intelligens kan være forkert.">
            <a:extLst>
              <a:ext uri="{FF2B5EF4-FFF2-40B4-BE49-F238E27FC236}">
                <a16:creationId xmlns:a16="http://schemas.microsoft.com/office/drawing/2014/main" id="{D3BA567A-7A1D-5B5E-C7BD-AB983A40FC94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18157" y="-20053"/>
            <a:ext cx="3168981" cy="6858000"/>
          </a:xfrm>
          <a:prstGeom prst="rect">
            <a:avLst/>
          </a:prstGeom>
        </p:spPr>
      </p:pic>
      <p:sp>
        <p:nvSpPr>
          <p:cNvPr id="32" name="Titel 31">
            <a:extLst>
              <a:ext uri="{FF2B5EF4-FFF2-40B4-BE49-F238E27FC236}">
                <a16:creationId xmlns:a16="http://schemas.microsoft.com/office/drawing/2014/main" id="{6D2C3743-72DD-529D-033A-30D40A3DAEF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73869" y="-20053"/>
            <a:ext cx="3166467" cy="833971"/>
          </a:xfrm>
          <a:solidFill>
            <a:schemeClr val="tx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da-DK" sz="4400" dirty="0">
                <a:solidFill>
                  <a:schemeClr val="bg1"/>
                </a:solidFill>
              </a:rPr>
              <a:t>Foreninge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3992606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A3FD024-8A45-03B5-8A08-DD2461B36E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 descr="Et billede, der indeholder tøj, menneske, person, møbel&#10;&#10;Indhold genereret af kunstig intelligens kan være forkert.">
            <a:extLst>
              <a:ext uri="{FF2B5EF4-FFF2-40B4-BE49-F238E27FC236}">
                <a16:creationId xmlns:a16="http://schemas.microsoft.com/office/drawing/2014/main" id="{CAA61C28-870D-FEF4-AC4C-8355D2E3CC2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-845281"/>
            <a:ext cx="12192000" cy="8548561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10D978D-23B3-BD34-4D28-36A8256A5D24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4-03-2025</a:t>
            </a:fld>
            <a:endParaRPr lang="da-DK" dirty="0"/>
          </a:p>
        </p:txBody>
      </p:sp>
      <p:sp>
        <p:nvSpPr>
          <p:cNvPr id="32" name="Titel 31">
            <a:extLst>
              <a:ext uri="{FF2B5EF4-FFF2-40B4-BE49-F238E27FC236}">
                <a16:creationId xmlns:a16="http://schemas.microsoft.com/office/drawing/2014/main" id="{3FED1E90-9182-81A9-B6AD-1C2B235BA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12766" y="354242"/>
            <a:ext cx="3166467" cy="833971"/>
          </a:xfrm>
          <a:solidFill>
            <a:schemeClr val="tx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/>
          <a:lstStyle/>
          <a:p>
            <a:r>
              <a:rPr lang="da-DK" sz="4400" dirty="0">
                <a:solidFill>
                  <a:schemeClr val="bg1"/>
                </a:solidFill>
              </a:rPr>
              <a:t>Foreninge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2636534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C939DE-CFC0-D1BB-C176-1EC23296285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23C734BE-82B7-BE33-CBAE-067E695D37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5366267" cy="1884283"/>
          </a:xfrm>
        </p:spPr>
        <p:txBody>
          <a:bodyPr anchor="t">
            <a:normAutofit/>
          </a:bodyPr>
          <a:lstStyle/>
          <a:p>
            <a:r>
              <a:rPr lang="da-DK" dirty="0"/>
              <a:t>Dialogforum</a:t>
            </a:r>
          </a:p>
        </p:txBody>
      </p:sp>
      <p:pic>
        <p:nvPicPr>
          <p:cNvPr id="5" name="Billede 4" descr="Et billede, der indeholder tekst, skærmbillede, Font/skrifttype, dokument&#10;&#10;Indhold genereret af kunstig intelligens kan være forkert.">
            <a:extLst>
              <a:ext uri="{FF2B5EF4-FFF2-40B4-BE49-F238E27FC236}">
                <a16:creationId xmlns:a16="http://schemas.microsoft.com/office/drawing/2014/main" id="{141E1154-91CF-3FED-70D0-A70EB098E461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939" r="1229" b="2"/>
          <a:stretch/>
        </p:blipFill>
        <p:spPr>
          <a:xfrm>
            <a:off x="6156000" y="1028246"/>
            <a:ext cx="5216400" cy="4825354"/>
          </a:xfrm>
          <a:prstGeom prst="rect">
            <a:avLst/>
          </a:prstGeom>
          <a:noFill/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1CFD8DA-5477-0779-F509-B92F253777D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83C7CD7C-F7E2-4FF3-B441-BD5C13FCA230}" type="datetime1">
              <a:rPr lang="da-DK" smtClean="0"/>
              <a:pPr>
                <a:spcAft>
                  <a:spcPts val="600"/>
                </a:spcAft>
              </a:pPr>
              <a:t>24-03-2025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1828373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C393986-BDFD-BF79-A69C-5B276E1792C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3E1ECBDC-3837-5A27-0361-DAF8372EB04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180402" y="467043"/>
            <a:ext cx="4680000" cy="752157"/>
          </a:xfrm>
        </p:spPr>
        <p:txBody>
          <a:bodyPr anchor="t">
            <a:normAutofit/>
          </a:bodyPr>
          <a:lstStyle/>
          <a:p>
            <a:r>
              <a:rPr lang="da-DK" dirty="0"/>
              <a:t>Studenterpuljen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94AD8913-756F-91B3-BA54-ED08DB75237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3387600"/>
            <a:ext cx="4680000" cy="24660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29EF37A-16FC-C3D5-46AC-7B5EDC6DB12A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83C7CD7C-F7E2-4FF3-B441-BD5C13FCA230}" type="datetime1">
              <a:rPr lang="da-DK" smtClean="0"/>
              <a:pPr>
                <a:spcAft>
                  <a:spcPts val="600"/>
                </a:spcAft>
              </a:pPr>
              <a:t>24-03-2025</a:t>
            </a:fld>
            <a:endParaRPr lang="da-DK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3D45CB9D-F63A-213B-BC40-E519988360F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1752600"/>
            <a:ext cx="12275175" cy="516539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8603555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75DB5FD-BAB2-BAB0-2E2E-E5102BAF084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1DB91B97-1BD7-CCD7-CAEE-CBFBA56039D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1000443"/>
            <a:ext cx="4680000" cy="1944500"/>
          </a:xfrm>
        </p:spPr>
        <p:txBody>
          <a:bodyPr anchor="t">
            <a:normAutofit/>
          </a:bodyPr>
          <a:lstStyle/>
          <a:p>
            <a:r>
              <a:rPr lang="da-DK" dirty="0"/>
              <a:t>Semesterstartsfesten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EE480D52-C0F7-1F56-6A3C-65CFCDE6B88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3387600"/>
            <a:ext cx="4680000" cy="2466000"/>
          </a:xfrm>
        </p:spPr>
        <p:txBody>
          <a:bodyPr/>
          <a:lstStyle/>
          <a:p>
            <a:endParaRPr lang="en-US" dirty="0"/>
          </a:p>
        </p:txBody>
      </p:sp>
      <p:pic>
        <p:nvPicPr>
          <p:cNvPr id="12" name="Billede 11" descr="Et billede, der indeholder person, tøj, drik, udendørs&#10;&#10;Indhold genereret af kunstig intelligens kan være forkert.">
            <a:extLst>
              <a:ext uri="{FF2B5EF4-FFF2-40B4-BE49-F238E27FC236}">
                <a16:creationId xmlns:a16="http://schemas.microsoft.com/office/drawing/2014/main" id="{E88B545B-6F41-52EA-8607-E4E4E8A18302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535" r="-1" b="-1"/>
          <a:stretch/>
        </p:blipFill>
        <p:spPr>
          <a:xfrm>
            <a:off x="3385458" y="2872878"/>
            <a:ext cx="4169228" cy="3985122"/>
          </a:xfrm>
          <a:prstGeom prst="rect">
            <a:avLst/>
          </a:prstGeom>
          <a:noFill/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6D35574-416C-1FF8-607B-DBA7E12A507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83C7CD7C-F7E2-4FF3-B441-BD5C13FCA230}" type="datetime1">
              <a:rPr lang="da-DK" smtClean="0"/>
              <a:pPr>
                <a:spcAft>
                  <a:spcPts val="600"/>
                </a:spcAft>
              </a:pPr>
              <a:t>24-03-2025</a:t>
            </a:fld>
            <a:endParaRPr lang="da-DK"/>
          </a:p>
        </p:txBody>
      </p:sp>
      <p:pic>
        <p:nvPicPr>
          <p:cNvPr id="14" name="Billede 13" descr="Et billede, der indeholder tøj, udendørs, person, menneske&#10;&#10;Indhold genereret af kunstig intelligens kan være forkert.">
            <a:extLst>
              <a:ext uri="{FF2B5EF4-FFF2-40B4-BE49-F238E27FC236}">
                <a16:creationId xmlns:a16="http://schemas.microsoft.com/office/drawing/2014/main" id="{116D4135-A932-8C0D-AA0C-1FA46411069F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99467" y="2888599"/>
            <a:ext cx="5292534" cy="3969401"/>
          </a:xfrm>
          <a:prstGeom prst="rect">
            <a:avLst/>
          </a:prstGeom>
        </p:spPr>
      </p:pic>
      <p:pic>
        <p:nvPicPr>
          <p:cNvPr id="2" name="Billede 1">
            <a:extLst>
              <a:ext uri="{FF2B5EF4-FFF2-40B4-BE49-F238E27FC236}">
                <a16:creationId xmlns:a16="http://schemas.microsoft.com/office/drawing/2014/main" id="{C9A4E68B-3635-98AB-F13D-01A51ED037E2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3116" r="10181"/>
          <a:stretch/>
        </p:blipFill>
        <p:spPr>
          <a:xfrm>
            <a:off x="0" y="2888599"/>
            <a:ext cx="3526971" cy="3965703"/>
          </a:xfrm>
          <a:prstGeom prst="rect">
            <a:avLst/>
          </a:prstGeo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8570133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8589206-706C-3F8F-652B-64BCF040BC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EAB30EA-E61F-C230-FE73-C9FF317D0F0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 anchor="t">
            <a:normAutofit/>
          </a:bodyPr>
          <a:lstStyle/>
          <a:p>
            <a:r>
              <a:rPr lang="da-DK" dirty="0"/>
              <a:t>OG så var der den der sammenhængende studenter-</a:t>
            </a:r>
            <a:br>
              <a:rPr lang="da-DK" dirty="0"/>
            </a:br>
            <a:r>
              <a:rPr lang="da-DK" dirty="0"/>
              <a:t>kommunikation </a:t>
            </a:r>
          </a:p>
        </p:txBody>
      </p:sp>
      <p:pic>
        <p:nvPicPr>
          <p:cNvPr id="4" name="Billede 3" descr="Et billede, der indeholder tekst, plakat, Reklamering, Tryk&#10;&#10;Indhold genereret af kunstig intelligens kan være forkert.">
            <a:extLst>
              <a:ext uri="{FF2B5EF4-FFF2-40B4-BE49-F238E27FC236}">
                <a16:creationId xmlns:a16="http://schemas.microsoft.com/office/drawing/2014/main" id="{1580F06E-B24F-CD8D-B70C-982A0635C72C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170" r="2130" b="3"/>
          <a:stretch/>
        </p:blipFill>
        <p:spPr>
          <a:xfrm>
            <a:off x="5805401" y="584201"/>
            <a:ext cx="5987563" cy="5854700"/>
          </a:xfrm>
          <a:prstGeom prst="rect">
            <a:avLst/>
          </a:prstGeom>
          <a:noFill/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841BC0E-CC9C-A48E-BA10-5D063FBEF8CD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83C7CD7C-F7E2-4FF3-B441-BD5C13FCA230}" type="datetime1">
              <a:rPr lang="da-DK" smtClean="0"/>
              <a:pPr>
                <a:spcAft>
                  <a:spcPts val="600"/>
                </a:spcAft>
              </a:pPr>
              <a:t>24-03-2025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85103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SDU widescreen 16:9 - without department, dates and links","templateDescription":"SDU bredformat 16:9 skabelon - uden enhedsnavn, dato og links","enableDocumentContentUpdater":false,"version":"2.0"}]]></TemplafyTemplateConfiguration>
</file>

<file path=customXml/item10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7926249703909977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17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0DE47FB-CBD9-46EF-A4BB-64ED750A2AFD}">
  <ds:schemaRefs/>
</ds:datastoreItem>
</file>

<file path=customXml/itemProps10.xml><?xml version="1.0" encoding="utf-8"?>
<ds:datastoreItem xmlns:ds="http://schemas.openxmlformats.org/officeDocument/2006/customXml" ds:itemID="{3BB2797E-94A5-4688-8170-CB4E7C9EFBA0}">
  <ds:schemaRefs/>
</ds:datastoreItem>
</file>

<file path=customXml/itemProps11.xml><?xml version="1.0" encoding="utf-8"?>
<ds:datastoreItem xmlns:ds="http://schemas.openxmlformats.org/officeDocument/2006/customXml" ds:itemID="{D695CB0A-DB1B-4F39-ABEB-D49D38DB5A58}">
  <ds:schemaRefs/>
</ds:datastoreItem>
</file>

<file path=customXml/itemProps12.xml><?xml version="1.0" encoding="utf-8"?>
<ds:datastoreItem xmlns:ds="http://schemas.openxmlformats.org/officeDocument/2006/customXml" ds:itemID="{206B6207-048F-49F5-9AC7-EDC89AEC844F}">
  <ds:schemaRefs/>
</ds:datastoreItem>
</file>

<file path=customXml/itemProps13.xml><?xml version="1.0" encoding="utf-8"?>
<ds:datastoreItem xmlns:ds="http://schemas.openxmlformats.org/officeDocument/2006/customXml" ds:itemID="{061EAA29-F776-4511-A310-DB5F6594C0FA}">
  <ds:schemaRefs/>
</ds:datastoreItem>
</file>

<file path=customXml/itemProps14.xml><?xml version="1.0" encoding="utf-8"?>
<ds:datastoreItem xmlns:ds="http://schemas.openxmlformats.org/officeDocument/2006/customXml" ds:itemID="{BD8A0932-695A-448B-827D-BBCEAA035595}">
  <ds:schemaRefs/>
</ds:datastoreItem>
</file>

<file path=customXml/itemProps15.xml><?xml version="1.0" encoding="utf-8"?>
<ds:datastoreItem xmlns:ds="http://schemas.openxmlformats.org/officeDocument/2006/customXml" ds:itemID="{6DB3E2C5-105D-444C-9478-78E22C75EF66}">
  <ds:schemaRefs/>
</ds:datastoreItem>
</file>

<file path=customXml/itemProps16.xml><?xml version="1.0" encoding="utf-8"?>
<ds:datastoreItem xmlns:ds="http://schemas.openxmlformats.org/officeDocument/2006/customXml" ds:itemID="{DE6EC360-9A45-4119-8988-45C93F57CED0}">
  <ds:schemaRefs/>
</ds:datastoreItem>
</file>

<file path=customXml/itemProps17.xml><?xml version="1.0" encoding="utf-8"?>
<ds:datastoreItem xmlns:ds="http://schemas.openxmlformats.org/officeDocument/2006/customXml" ds:itemID="{7D5055DB-B343-4E05-9E0A-B1EFBBF7813A}">
  <ds:schemaRefs/>
</ds:datastoreItem>
</file>

<file path=customXml/itemProps18.xml><?xml version="1.0" encoding="utf-8"?>
<ds:datastoreItem xmlns:ds="http://schemas.openxmlformats.org/officeDocument/2006/customXml" ds:itemID="{A95F6C6B-F37D-4C5E-8982-B7D24681D482}">
  <ds:schemaRefs/>
</ds:datastoreItem>
</file>

<file path=customXml/itemProps19.xml><?xml version="1.0" encoding="utf-8"?>
<ds:datastoreItem xmlns:ds="http://schemas.openxmlformats.org/officeDocument/2006/customXml" ds:itemID="{A4C3A228-714E-48A8-9F37-F665C6B16A66}">
  <ds:schemaRefs/>
</ds:datastoreItem>
</file>

<file path=customXml/itemProps2.xml><?xml version="1.0" encoding="utf-8"?>
<ds:datastoreItem xmlns:ds="http://schemas.openxmlformats.org/officeDocument/2006/customXml" ds:itemID="{519130BB-846A-4D16-B710-F3279B9D4506}">
  <ds:schemaRefs/>
</ds:datastoreItem>
</file>

<file path=customXml/itemProps20.xml><?xml version="1.0" encoding="utf-8"?>
<ds:datastoreItem xmlns:ds="http://schemas.openxmlformats.org/officeDocument/2006/customXml" ds:itemID="{D9FB9416-E530-4C25-8430-6E9D170DE46E}">
  <ds:schemaRefs/>
</ds:datastoreItem>
</file>

<file path=customXml/itemProps21.xml><?xml version="1.0" encoding="utf-8"?>
<ds:datastoreItem xmlns:ds="http://schemas.openxmlformats.org/officeDocument/2006/customXml" ds:itemID="{CD02987A-C65C-4B8D-9308-DB554189342C}">
  <ds:schemaRefs/>
</ds:datastoreItem>
</file>

<file path=customXml/itemProps22.xml><?xml version="1.0" encoding="utf-8"?>
<ds:datastoreItem xmlns:ds="http://schemas.openxmlformats.org/officeDocument/2006/customXml" ds:itemID="{9DB3A1E5-D8BA-4D17-9A90-C04EC4DB2940}">
  <ds:schemaRefs/>
</ds:datastoreItem>
</file>

<file path=customXml/itemProps3.xml><?xml version="1.0" encoding="utf-8"?>
<ds:datastoreItem xmlns:ds="http://schemas.openxmlformats.org/officeDocument/2006/customXml" ds:itemID="{6B5F686D-E985-4746-9A9E-60F670CB687B}">
  <ds:schemaRefs/>
</ds:datastoreItem>
</file>

<file path=customXml/itemProps4.xml><?xml version="1.0" encoding="utf-8"?>
<ds:datastoreItem xmlns:ds="http://schemas.openxmlformats.org/officeDocument/2006/customXml" ds:itemID="{E58D0F7B-1F17-4E5D-BC63-2B0FB3F5A51A}">
  <ds:schemaRefs/>
</ds:datastoreItem>
</file>

<file path=customXml/itemProps5.xml><?xml version="1.0" encoding="utf-8"?>
<ds:datastoreItem xmlns:ds="http://schemas.openxmlformats.org/officeDocument/2006/customXml" ds:itemID="{BEB2B9B7-9C71-4451-AD27-ED26CCFBE3BC}">
  <ds:schemaRefs/>
</ds:datastoreItem>
</file>

<file path=customXml/itemProps6.xml><?xml version="1.0" encoding="utf-8"?>
<ds:datastoreItem xmlns:ds="http://schemas.openxmlformats.org/officeDocument/2006/customXml" ds:itemID="{A2061E47-2F88-428D-8EC0-AACD4EB0B933}">
  <ds:schemaRefs/>
</ds:datastoreItem>
</file>

<file path=customXml/itemProps7.xml><?xml version="1.0" encoding="utf-8"?>
<ds:datastoreItem xmlns:ds="http://schemas.openxmlformats.org/officeDocument/2006/customXml" ds:itemID="{FEB1901F-BF6C-471C-A3B9-C97FE7EC6A0F}">
  <ds:schemaRefs/>
</ds:datastoreItem>
</file>

<file path=customXml/itemProps8.xml><?xml version="1.0" encoding="utf-8"?>
<ds:datastoreItem xmlns:ds="http://schemas.openxmlformats.org/officeDocument/2006/customXml" ds:itemID="{50D17670-B175-4CF5-90FE-CAA5F24B033B}">
  <ds:schemaRefs/>
</ds:datastoreItem>
</file>

<file path=customXml/itemProps9.xml><?xml version="1.0" encoding="utf-8"?>
<ds:datastoreItem xmlns:ds="http://schemas.openxmlformats.org/officeDocument/2006/customXml" ds:itemID="{19CE7686-F559-43FD-8EFF-A69A03F1B94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86</Words>
  <Application>Microsoft Office PowerPoint</Application>
  <PresentationFormat>Widescreen</PresentationFormat>
  <Paragraphs>31</Paragraphs>
  <Slides>9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9</vt:i4>
      </vt:variant>
    </vt:vector>
  </HeadingPairs>
  <TitlesOfParts>
    <vt:vector size="12" baseType="lpstr">
      <vt:lpstr>Arial</vt:lpstr>
      <vt:lpstr>Wingdings</vt:lpstr>
      <vt:lpstr>SDU</vt:lpstr>
      <vt:lpstr>Team Studieliv - nye opgaver i SDU Uddannelse</vt:lpstr>
      <vt:lpstr>PowerPoint-præsentation</vt:lpstr>
      <vt:lpstr>Fællesskaber, foreninger og events – trivsel som fællesnævner</vt:lpstr>
      <vt:lpstr>Foreninger</vt:lpstr>
      <vt:lpstr>Foreninger</vt:lpstr>
      <vt:lpstr>Dialogforum</vt:lpstr>
      <vt:lpstr>Studenterpuljen</vt:lpstr>
      <vt:lpstr>Semesterstartsfesten</vt:lpstr>
      <vt:lpstr>OG så var der den der sammenhængende studenter- kommunikation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5-03-19T19:45:41Z</dcterms:created>
  <dcterms:modified xsi:type="dcterms:W3CDTF">2025-03-24T12:25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8-15T11:26:23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903576972186877964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